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ink/ink1.xml" ContentType="application/inkml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ink/ink2.xml" ContentType="application/inkml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ink/ink3.xml" ContentType="application/inkml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ink/ink4.xml" ContentType="application/inkml+xml"/>
  <Override PartName="/ppt/ink/ink5.xml" ContentType="application/inkml+xml"/>
  <Override PartName="/ppt/ink/ink6.xml" ContentType="application/inkml+xml"/>
  <Override PartName="/ppt/ink/ink7.xml" ContentType="application/inkml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ink/ink8.xml" ContentType="application/inkml+xml"/>
  <Override PartName="/ppt/ink/ink9.xml" ContentType="application/inkml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ink/ink10.xml" ContentType="application/inkml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ink/ink11.xml" ContentType="application/inkml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ink/ink12.xml" ContentType="application/inkml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ink/ink13.xml" ContentType="application/inkml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ppt/tags/tag41.xml" ContentType="application/vnd.openxmlformats-officedocument.presentationml.tags+xml"/>
  <Override PartName="/ppt/notesSlides/notesSlide40.xml" ContentType="application/vnd.openxmlformats-officedocument.presentationml.notesSlide+xml"/>
  <Override PartName="/ppt/tags/tag42.xml" ContentType="application/vnd.openxmlformats-officedocument.presentationml.tags+xml"/>
  <Override PartName="/ppt/notesSlides/notesSlide41.xml" ContentType="application/vnd.openxmlformats-officedocument.presentationml.notesSlide+xml"/>
  <Override PartName="/ppt/tags/tag43.xml" ContentType="application/vnd.openxmlformats-officedocument.presentationml.tags+xml"/>
  <Override PartName="/ppt/notesSlides/notesSlide42.xml" ContentType="application/vnd.openxmlformats-officedocument.presentationml.notesSlide+xml"/>
  <Override PartName="/ppt/tags/tag44.xml" ContentType="application/vnd.openxmlformats-officedocument.presentationml.tags+xml"/>
  <Override PartName="/ppt/notesSlides/notesSlide43.xml" ContentType="application/vnd.openxmlformats-officedocument.presentationml.notesSlide+xml"/>
  <Override PartName="/ppt/tags/tag45.xml" ContentType="application/vnd.openxmlformats-officedocument.presentationml.tags+xml"/>
  <Override PartName="/ppt/notesSlides/notesSlide44.xml" ContentType="application/vnd.openxmlformats-officedocument.presentationml.notesSlide+xml"/>
  <Override PartName="/ppt/tags/tag46.xml" ContentType="application/vnd.openxmlformats-officedocument.presentationml.tags+xml"/>
  <Override PartName="/ppt/notesSlides/notesSlide45.xml" ContentType="application/vnd.openxmlformats-officedocument.presentationml.notesSlide+xml"/>
  <Override PartName="/ppt/tags/tag47.xml" ContentType="application/vnd.openxmlformats-officedocument.presentationml.tags+xml"/>
  <Override PartName="/ppt/notesSlides/notesSlide46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4"/>
  </p:sldMasterIdLst>
  <p:notesMasterIdLst>
    <p:notesMasterId r:id="rId51"/>
  </p:notesMasterIdLst>
  <p:sldIdLst>
    <p:sldId id="256" r:id="rId5"/>
    <p:sldId id="258" r:id="rId6"/>
    <p:sldId id="259" r:id="rId7"/>
    <p:sldId id="260" r:id="rId8"/>
    <p:sldId id="265" r:id="rId9"/>
    <p:sldId id="261" r:id="rId10"/>
    <p:sldId id="262" r:id="rId11"/>
    <p:sldId id="263" r:id="rId12"/>
    <p:sldId id="264" r:id="rId13"/>
    <p:sldId id="266" r:id="rId14"/>
    <p:sldId id="267" r:id="rId15"/>
    <p:sldId id="268" r:id="rId16"/>
    <p:sldId id="269" r:id="rId17"/>
    <p:sldId id="270" r:id="rId18"/>
    <p:sldId id="271" r:id="rId19"/>
    <p:sldId id="272" r:id="rId20"/>
    <p:sldId id="273" r:id="rId21"/>
    <p:sldId id="274" r:id="rId22"/>
    <p:sldId id="276" r:id="rId23"/>
    <p:sldId id="277" r:id="rId24"/>
    <p:sldId id="278" r:id="rId25"/>
    <p:sldId id="279" r:id="rId26"/>
    <p:sldId id="280" r:id="rId27"/>
    <p:sldId id="281" r:id="rId28"/>
    <p:sldId id="282" r:id="rId29"/>
    <p:sldId id="284" r:id="rId30"/>
    <p:sldId id="285" r:id="rId31"/>
    <p:sldId id="287" r:id="rId32"/>
    <p:sldId id="288" r:id="rId33"/>
    <p:sldId id="289" r:id="rId34"/>
    <p:sldId id="290" r:id="rId35"/>
    <p:sldId id="293" r:id="rId36"/>
    <p:sldId id="294" r:id="rId37"/>
    <p:sldId id="295" r:id="rId38"/>
    <p:sldId id="296" r:id="rId39"/>
    <p:sldId id="297" r:id="rId40"/>
    <p:sldId id="298" r:id="rId41"/>
    <p:sldId id="299" r:id="rId42"/>
    <p:sldId id="300" r:id="rId43"/>
    <p:sldId id="301" r:id="rId44"/>
    <p:sldId id="302" r:id="rId45"/>
    <p:sldId id="303" r:id="rId46"/>
    <p:sldId id="305" r:id="rId47"/>
    <p:sldId id="306" r:id="rId48"/>
    <p:sldId id="257" r:id="rId49"/>
    <p:sldId id="333" r:id="rId50"/>
  </p:sldIdLst>
  <p:sldSz cx="12192000" cy="6858000"/>
  <p:notesSz cx="6858000" cy="9144000"/>
  <p:custDataLst>
    <p:tags r:id="rId5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4248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89B23"/>
    <a:srgbClr val="FDE0BA"/>
    <a:srgbClr val="F8981C"/>
    <a:srgbClr val="F8ED11"/>
    <a:srgbClr val="E6D6E8"/>
    <a:srgbClr val="F8CBDF"/>
    <a:srgbClr val="B5DFB3"/>
    <a:srgbClr val="FFF898"/>
    <a:srgbClr val="004F8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164B5329-E858-47AC-BB5B-649467180577}" v="14" dt="2025-10-22T04:06:35.688"/>
  </p1510:revLst>
</p1510:revInfo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1E4AEA4-8DFA-4A89-87EB-49C32662AFE0}" styleName="Medium Style 2 - Accent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2">
              <a:tint val="20000"/>
            </a:schemeClr>
          </a:solidFill>
        </a:fill>
      </a:tcStyle>
    </a:wholeTbl>
    <a:band1H>
      <a:tcStyle>
        <a:tcBdr/>
        <a:fill>
          <a:solidFill>
            <a:schemeClr val="accent2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2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818" autoAdjust="0"/>
    <p:restoredTop sz="94660"/>
  </p:normalViewPr>
  <p:slideViewPr>
    <p:cSldViewPr snapToGrid="0" showGuides="1">
      <p:cViewPr varScale="1">
        <p:scale>
          <a:sx n="59" d="100"/>
          <a:sy n="59" d="100"/>
        </p:scale>
        <p:origin x="860" y="268"/>
      </p:cViewPr>
      <p:guideLst>
        <p:guide orient="horz" pos="4248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-20592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9" Type="http://schemas.openxmlformats.org/officeDocument/2006/relationships/slide" Target="slides/slide35.xml"/><Relationship Id="rId21" Type="http://schemas.openxmlformats.org/officeDocument/2006/relationships/slide" Target="slides/slide17.xml"/><Relationship Id="rId34" Type="http://schemas.openxmlformats.org/officeDocument/2006/relationships/slide" Target="slides/slide30.xml"/><Relationship Id="rId42" Type="http://schemas.openxmlformats.org/officeDocument/2006/relationships/slide" Target="slides/slide38.xml"/><Relationship Id="rId47" Type="http://schemas.openxmlformats.org/officeDocument/2006/relationships/slide" Target="slides/slide43.xml"/><Relationship Id="rId50" Type="http://schemas.openxmlformats.org/officeDocument/2006/relationships/slide" Target="slides/slide46.xml"/><Relationship Id="rId55" Type="http://schemas.openxmlformats.org/officeDocument/2006/relationships/theme" Target="theme/theme1.xml"/><Relationship Id="rId7" Type="http://schemas.openxmlformats.org/officeDocument/2006/relationships/slide" Target="slides/slide3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40" Type="http://schemas.openxmlformats.org/officeDocument/2006/relationships/slide" Target="slides/slide36.xml"/><Relationship Id="rId45" Type="http://schemas.openxmlformats.org/officeDocument/2006/relationships/slide" Target="slides/slide41.xml"/><Relationship Id="rId53" Type="http://schemas.openxmlformats.org/officeDocument/2006/relationships/presProps" Target="presProps.xml"/><Relationship Id="rId58" Type="http://schemas.microsoft.com/office/2018/10/relationships/authors" Target="authors.xml"/><Relationship Id="rId5" Type="http://schemas.openxmlformats.org/officeDocument/2006/relationships/slide" Target="slides/slide1.xml"/><Relationship Id="rId19" Type="http://schemas.openxmlformats.org/officeDocument/2006/relationships/slide" Target="slides/slide15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slide" Target="slides/slide39.xml"/><Relationship Id="rId48" Type="http://schemas.openxmlformats.org/officeDocument/2006/relationships/slide" Target="slides/slide44.xml"/><Relationship Id="rId56" Type="http://schemas.openxmlformats.org/officeDocument/2006/relationships/tableStyles" Target="tableStyles.xml"/><Relationship Id="rId8" Type="http://schemas.openxmlformats.org/officeDocument/2006/relationships/slide" Target="slides/slide4.xml"/><Relationship Id="rId51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slide" Target="slides/slide42.xml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54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openxmlformats.org/officeDocument/2006/relationships/slide" Target="slides/slide45.xml"/><Relationship Id="rId57" Type="http://schemas.microsoft.com/office/2015/10/relationships/revisionInfo" Target="revisionInfo.xml"/><Relationship Id="rId10" Type="http://schemas.openxmlformats.org/officeDocument/2006/relationships/slide" Target="slides/slide6.xml"/><Relationship Id="rId31" Type="http://schemas.openxmlformats.org/officeDocument/2006/relationships/slide" Target="slides/slide27.xml"/><Relationship Id="rId44" Type="http://schemas.openxmlformats.org/officeDocument/2006/relationships/slide" Target="slides/slide40.xml"/><Relationship Id="rId52" Type="http://schemas.openxmlformats.org/officeDocument/2006/relationships/tags" Target="tags/tag1.xml"/></Relationships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5-15T04:05:02.468"/>
    </inkml:context>
    <inkml:brush xml:id="br0">
      <inkml:brushProperty name="width" value="0.1" units="cm"/>
      <inkml:brushProperty name="height" value="0.1" units="cm"/>
      <inkml:brushProperty name="color" value="#F8981C"/>
    </inkml:brush>
  </inkml:definitions>
  <inkml:trace contextRef="#ctx0" brushRef="#br0">2199 0 24575,'-15'1'0,"-12"0"0,-52 8 0,-5 6-109,2 2 0,-136 45 0,95-19-195,-122 59 0,120-41 253,3 3 1,4 5-1,-203 154 0,239-156 54,3 3-1,4 3 1,4 2 0,5 2-1,-70 109 1,111-146-9,3 0 1,1 2-1,3-1 0,-14 57 0,27-81 4,2 1 0,0 0 0,2 0 0,0-1 0,2 1 0,0 0 0,2 0 0,0-1 0,2 1-1,0-1 1,2 0 0,0 0 0,14 21 0,-11-24-10,1 0 0,0 0 0,1-1 0,2-1 0,-1 1 0,2-2-1,0 1 1,23 12 0,-13-11-33,0 0 0,0-2-1,1 0 1,1-1-1,39 9 1,-6-6-73,1-2 0,1-2 0,0-3 0,0-1 0,74-2 0,224-23-329,-165-4 332,-1-6 0,-2-7 0,-2-7 0,-3-6 0,-3-7 0,-3-5 0,-4-7 1,-4-6-1,162-92 0,-220 100-30,162-120 1,-213 136 10,-2-2 0,-4-2-1,72-88 1,-107 115 91,-3 0 0,0-1 0,-3-1 0,-1-1 0,-2 0 0,-2 0 0,10-41 0,-20 57 58,0 0 1,-1 0-1,-1 0 0,-1-1 0,0 1 0,-2 0 1,-7-22-1,5 25 57,0 0 0,-1 1 0,0-1 0,-2 1-1,1 1 1,-2-1 0,0 1 0,0 0 0,-2 1 0,-13-11 0,6 7-45,0 1 1,-1 1-1,-1 1 1,0 0-1,-1 0 0,-41-12 1,20 10 41,-1 1 1,-86-11-1,46 13 358,-130-1-1,34 12-483,1 7 0,-180 27 0,-347 82-435,402-56 371,50-6-1020,52-10-2256</inkml:trace>
</inkml:ink>
</file>

<file path=ppt/ink/ink1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4:41:47.712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6113'0,"-6096"0</inkml:trace>
</inkml:ink>
</file>

<file path=ppt/ink/ink1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4:50:47.559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1040'0,"-1014"0</inkml:trace>
</inkml:ink>
</file>

<file path=ppt/ink/ink1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4:50:47.559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9317'0,"-9084"0</inkml:trace>
</inkml:ink>
</file>

<file path=ppt/ink/ink1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4:50:47.559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9317'0,"-9084"0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5-15T04:05:02.468"/>
    </inkml:context>
    <inkml:brush xml:id="br0">
      <inkml:brushProperty name="width" value="0.1" units="cm"/>
      <inkml:brushProperty name="height" value="0.1" units="cm"/>
      <inkml:brushProperty name="color" value="#F8981C"/>
    </inkml:brush>
  </inkml:definitions>
  <inkml:trace contextRef="#ctx0" brushRef="#br0">2976 1 24575,'-21'0'0,"-15"2"0,-71 9 0,-7 8-109,3 4 0,-184 56 0,129-24-195,-166 76 0,163-54 253,4 6 1,5 5-1,-274 198 0,323-200 54,4 3-1,6 4 1,5 3 0,6 4-1,-94 138 1,150-187-9,5 0 1,0 2-1,5 1 0,-19 71 0,36-103 4,3 1 0,0-1 0,2 1 0,1 0 0,2 0 0,1 0 0,2 0 0,0-1 0,3 1-1,-1-1 1,4 0 0,-1-1 0,20 28 0,-16-31-10,2 0 0,0-1 0,1 0 0,3-1 0,-1 0 0,2-1-1,0-1 1,32 18 0,-18-15-33,-1-2 0,1 0-1,1-1 1,2-2-1,52 13 1,-7-9-73,0-2 0,2-2 0,0-4 0,0-2 0,100-2 0,303-29-329,-223-6 332,-2-8 0,-2-9 0,-3-7 0,-4-10 0,-4-7 0,-4-8 0,-5-8 1,-6-8-1,219-118 0,-297 128-30,218-153 1,-287 173 10,-3-2 0,-6-2-1,98-113 1,-145 147 91,-3 0 0,-1-2 0,-4 0 0,-2-1 0,-2-1 0,-3 0 0,14-52 0,-27 73 58,0-1 1,-2 1-1,-1-1 0,-1 1 0,-1 0 0,-2-1 1,-9-28-1,6 33 57,0 0 0,-1 0 0,0 1 0,-3 0-1,2 0 1,-4 1 0,1 0 0,0 0 0,-3 1 0,-17-14 0,7 10-45,1 1 1,-2 1-1,-1 0 1,0 1-1,-1 2 0,-56-18 1,27 13 41,-1 3 1,-117-16-1,63 18 358,-176-2-1,46 16-483,1 8 0,-244 35 0,-469 105-435,544-71 371,68-9-1020,70-12-2256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5-15T04:05:02.468"/>
    </inkml:context>
    <inkml:brush xml:id="br0">
      <inkml:brushProperty name="width" value="0.1" units="cm"/>
      <inkml:brushProperty name="height" value="0.1" units="cm"/>
      <inkml:brushProperty name="color" value="#F8981C"/>
    </inkml:brush>
  </inkml:definitions>
  <inkml:trace contextRef="#ctx0" brushRef="#br0">1757 1 24575,'-13'0'0,"-8"2"0,-42 9 0,-4 8-109,1 4 0,-108 56 0,76-24-195,-98 76 0,96-54 253,3 6 1,2 5-1,-161 198 0,191-200 54,2 3-1,3 4 1,3 3 0,4 4-1,-56 138 1,89-187-9,3 0 1,0 2-1,3 1 0,-11 71 0,20-103 4,3 1 0,0-1 0,1 1 0,0 0 0,2 0 0,0 0 0,1 0 0,0-1 0,3 1-1,-2-1 1,3 0 0,-1-1 0,13 28 0,-11-31-10,2 0 0,0-1 0,0 0 0,3-1 0,-2 0 0,2-1-1,0-1 1,18 18 0,-9-15-33,-2-2 0,1 0-1,1-1 1,1-2-1,30 13 1,-3-9-73,-1-2 0,2-2 0,-1-4 0,1-2 0,58-2 0,180-29-329,-132-6 332,-2-8 0,0-9 0,-3-7 0,-1-10 0,-3-7 0,-3-8 0,-2-8 1,-4-8-1,130-118 0,-176 128-30,128-153 1,-168 173 10,-3-2 0,-3-2-1,58-113 1,-85 147 91,-3 0 0,0-2 0,-2 0 0,-2-1 0,-1-1 0,-1 0 0,7-52 0,-15 73 58,0-1 1,-1 1-1,-1-1 0,-1 1 0,0 0 0,-2-1 1,-4-28-1,3 33 57,0 0 0,-1 0 0,0 1 0,-1 0-1,0 0 1,-1 1 0,0 0 0,-1 0 0,0 1 0,-11-14 0,4 10-45,1 1 1,-2 1-1,0 0 1,1 1-1,-2 2 0,-33-18 1,17 13 41,-1 3 1,-70-16-1,38 18 358,-104-2-1,27 16-483,1 8 0,-144 35 0,-277 105-435,321-71 371,40-9-1020,41-12-2256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5-15T04:25:11.809"/>
    </inkml:context>
    <inkml:brush xml:id="br0">
      <inkml:brushProperty name="width" value="0.1" units="cm"/>
      <inkml:brushProperty name="height" value="0.1" units="cm"/>
      <inkml:brushProperty name="color" value="#F8981C"/>
    </inkml:brush>
  </inkml:definitions>
  <inkml:trace contextRef="#ctx0" brushRef="#br0">1321 0 24575,'-25'2'0,"0"0"0,1 1 0,-42 8 0,-67 21 0,104-25 0,-71 20 0,2 2 0,2 2 0,-112 50 0,163-60 0,1 0 0,2 2 0,2 1 0,2 1 0,1 1 0,2 1 0,2 1 0,-36 39 0,47-41 0,3 1 0,1 0 0,1 0 0,3 1 0,2 1 0,2-1 0,1 1 0,3 0 0,-1 49 0,8-59 0,1 1 0,2-1 0,1 0 0,1 0 0,1 0 0,19 29 0,-16-34 0,1 0 0,0 0 0,2-1 0,0-1 0,1 1 0,2-1 0,-1-1 0,2 0 0,21 11 0,-14-10 0,0-2 0,1 0 0,0 0 0,1-2 0,1 0 0,0-1 0,1-1 0,0 0 0,55 6 0,-28-8 0,0 0 0,0-2 0,0-2 0,75-5 0,-85 2 0,1-2 0,-1-1 0,-1-1 0,0-1 0,52-14 0,-63 12 0,-1 0 0,-1-2 0,-1 0 0,0-1 0,-1-1 0,-2 0 0,31-21 0,-20 7 0,-2 0 0,-2-2 0,-2 0 0,-2-2 0,-3 0 0,36-57 0,-28 26 0,-4 0 0,31-117 0,-33 16 0,-27 141 0,-3 1 0,-1-1 0,-1 1 0,-2-1 0,-12-25 0,14 41 0,-1-1 0,0 1 0,-1 1 0,0-1 0,-10-10 0,12 15 0,1 0 0,-1-1 0,0 1 0,0 0 0,0 0 0,-1 0 0,1 1 0,-1-1 0,0 1 0,0-1 0,1 1 0,-1 0 0,-1-1 0,1 1 0,0 1 0,0-1 0,-8-1 0,0 2-130,0 1 0,0-1 0,-1 1 0,1 1 0,0-1-1,1 1 1,-1 1 0,0-1 0,-10 5 0,21-7 66,-74 20-6762</inkml:trace>
</inkml:ink>
</file>

<file path=ppt/ink/ink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5-15T04:25:53.910"/>
    </inkml:context>
    <inkml:brush xml:id="br0">
      <inkml:brushProperty name="width" value="0.1" units="cm"/>
      <inkml:brushProperty name="height" value="0.1" units="cm"/>
      <inkml:brushProperty name="color" value="#F8981C"/>
    </inkml:brush>
  </inkml:definitions>
  <inkml:trace contextRef="#ctx0" brushRef="#br0">1321 0 24575,'-25'2'0,"0"0"0,1 1 0,-42 8 0,-67 21 0,104-25 0,-71 20 0,2 2 0,2 2 0,-112 50 0,163-60 0,1 0 0,2 2 0,2 1 0,2 1 0,1 1 0,2 1 0,2 1 0,-36 39 0,47-41 0,3 1 0,1 0 0,1 0 0,3 1 0,2 1 0,2-1 0,1 1 0,3 0 0,-1 49 0,8-59 0,1 1 0,2-1 0,1 0 0,1 0 0,1 0 0,19 29 0,-16-34 0,1 0 0,0 0 0,2-1 0,0-1 0,1 1 0,2-1 0,-1-1 0,2 0 0,21 11 0,-14-10 0,0-2 0,1 0 0,0 0 0,1-2 0,1 0 0,0-1 0,1-1 0,0 0 0,55 6 0,-28-8 0,0 0 0,0-2 0,0-2 0,75-5 0,-85 2 0,1-2 0,-1-1 0,-1-1 0,0-1 0,52-14 0,-63 12 0,-1 0 0,-1-2 0,-1 0 0,0-1 0,-1-1 0,-2 0 0,31-21 0,-20 7 0,-2 0 0,-2-2 0,-2 0 0,-2-2 0,-3 0 0,36-57 0,-28 26 0,-4 0 0,31-117 0,-33 16 0,-27 141 0,-3 1 0,-1-1 0,-1 1 0,-2-1 0,-12-25 0,14 41 0,-1-1 0,0 1 0,-1 1 0,0-1 0,-10-10 0,12 15 0,1 0 0,-1-1 0,0 1 0,0 0 0,0 0 0,-1 0 0,1 1 0,-1-1 0,0 1 0,0-1 0,1 1 0,-1 0 0,-1-1 0,1 1 0,0 1 0,0-1 0,-8-1 0,0 2-130,0 1 0,0-1 0,-1 1 0,1 1 0,0-1-1,1 1 1,-1 1 0,0-1 0,-10 5 0,21-7 66,-74 20-6762</inkml:trace>
</inkml:ink>
</file>

<file path=ppt/ink/ink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5-15T04:26:01.823"/>
    </inkml:context>
    <inkml:brush xml:id="br0">
      <inkml:brushProperty name="width" value="0.1" units="cm"/>
      <inkml:brushProperty name="height" value="0.1" units="cm"/>
      <inkml:brushProperty name="color" value="#F8981C"/>
    </inkml:brush>
  </inkml:definitions>
  <inkml:trace contextRef="#ctx0" brushRef="#br0">1321 0 24575,'-25'2'0,"0"0"0,1 1 0,-42 8 0,-67 21 0,104-25 0,-71 20 0,2 2 0,2 2 0,-112 50 0,163-60 0,1 0 0,2 2 0,2 1 0,2 1 0,1 1 0,2 1 0,2 1 0,-36 39 0,47-41 0,3 1 0,1 0 0,1 0 0,3 1 0,2 1 0,2-1 0,1 1 0,3 0 0,-1 49 0,8-59 0,1 1 0,2-1 0,1 0 0,1 0 0,1 0 0,19 29 0,-16-34 0,1 0 0,0 0 0,2-1 0,0-1 0,1 1 0,2-1 0,-1-1 0,2 0 0,21 11 0,-14-10 0,0-2 0,1 0 0,0 0 0,1-2 0,1 0 0,0-1 0,1-1 0,0 0 0,55 6 0,-28-8 0,0 0 0,0-2 0,0-2 0,75-5 0,-85 2 0,1-2 0,-1-1 0,-1-1 0,0-1 0,52-14 0,-63 12 0,-1 0 0,-1-2 0,-1 0 0,0-1 0,-1-1 0,-2 0 0,31-21 0,-20 7 0,-2 0 0,-2-2 0,-2 0 0,-2-2 0,-3 0 0,36-57 0,-28 26 0,-4 0 0,31-117 0,-33 16 0,-27 141 0,-3 1 0,-1-1 0,-1 1 0,-2-1 0,-12-25 0,14 41 0,-1-1 0,0 1 0,-1 1 0,0-1 0,-10-10 0,12 15 0,1 0 0,-1-1 0,0 1 0,0 0 0,0 0 0,-1 0 0,1 1 0,-1-1 0,0 1 0,0-1 0,1 1 0,-1 0 0,-1-1 0,1 1 0,0 1 0,0-1 0,-8-1 0,0 2-130,0 1 0,0-1 0,-1 1 0,1 1 0,0-1-1,1 1 1,-1 1 0,0-1 0,-10 5 0,21-7 66,-74 20-6762</inkml:trace>
</inkml:ink>
</file>

<file path=ppt/ink/ink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5-15T04:26:17.096"/>
    </inkml:context>
    <inkml:brush xml:id="br0">
      <inkml:brushProperty name="width" value="0.1" units="cm"/>
      <inkml:brushProperty name="height" value="0.1" units="cm"/>
      <inkml:brushProperty name="color" value="#F8981C"/>
    </inkml:brush>
  </inkml:definitions>
  <inkml:trace contextRef="#ctx0" brushRef="#br0">1321 0 24575,'-25'2'0,"0"0"0,1 1 0,-42 8 0,-67 21 0,104-25 0,-71 20 0,2 2 0,2 2 0,-112 50 0,163-60 0,1 0 0,2 2 0,2 1 0,2 1 0,1 1 0,2 1 0,2 1 0,-36 39 0,47-41 0,3 1 0,1 0 0,1 0 0,3 1 0,2 1 0,2-1 0,1 1 0,3 0 0,-1 49 0,8-59 0,1 1 0,2-1 0,1 0 0,1 0 0,1 0 0,19 29 0,-16-34 0,1 0 0,0 0 0,2-1 0,0-1 0,1 1 0,2-1 0,-1-1 0,2 0 0,21 11 0,-14-10 0,0-2 0,1 0 0,0 0 0,1-2 0,1 0 0,0-1 0,1-1 0,0 0 0,55 6 0,-28-8 0,0 0 0,0-2 0,0-2 0,75-5 0,-85 2 0,1-2 0,-1-1 0,-1-1 0,0-1 0,52-14 0,-63 12 0,-1 0 0,-1-2 0,-1 0 0,0-1 0,-1-1 0,-2 0 0,31-21 0,-20 7 0,-2 0 0,-2-2 0,-2 0 0,-2-2 0,-3 0 0,36-57 0,-28 26 0,-4 0 0,31-117 0,-33 16 0,-27 141 0,-3 1 0,-1-1 0,-1 1 0,-2-1 0,-12-25 0,14 41 0,-1-1 0,0 1 0,-1 1 0,0-1 0,-10-10 0,12 15 0,1 0 0,-1-1 0,0 1 0,0 0 0,0 0 0,-1 0 0,1 1 0,-1-1 0,0 1 0,0-1 0,1 1 0,-1 0 0,-1-1 0,1 1 0,0 1 0,0-1 0,-8-1 0,0 2-130,0 1 0,0-1 0,-1 1 0,1 1 0,0-1-1,1 1 1,-1 1 0,0-1 0,-10 5 0,21-7 66,-74 20-6762</inkml:trace>
</inkml:ink>
</file>

<file path=ppt/ink/ink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5-15T04:26:17.096"/>
    </inkml:context>
    <inkml:brush xml:id="br0">
      <inkml:brushProperty name="width" value="0.1" units="cm"/>
      <inkml:brushProperty name="height" value="0.1" units="cm"/>
      <inkml:brushProperty name="color" value="#F8981C"/>
    </inkml:brush>
  </inkml:definitions>
  <inkml:trace contextRef="#ctx0" brushRef="#br0">1682 0 24575,'-31'3'0,"-1"-1"0,1 2 0,-53 10 0,-85 27 0,132-32 0,-91 25 0,4 3 0,1 2 0,-142 65 0,208-78 0,1 1 0,3 2 0,2 2 0,2 1 0,2 1 0,3 1 0,2 2 0,-46 49 0,60-52 0,3 2 0,3-1 0,0 1 0,4 0 0,3 2 0,2-1 0,2 1 0,3 0 0,-1 62 0,10-75 0,2 2 0,2-2 0,1 0 0,2 0 0,1 0 0,24 38 0,-20-45 0,1 1 0,0 0 0,2-1 0,1-2 0,1 1 0,2 0 0,-1-2 0,3 0 0,26 14 0,-17-13 0,-1-2 0,2 0 0,0-1 0,1-2 0,1 1 0,1-2 0,1-2 0,-1 1 0,71 7 0,-36-10 0,0 0 0,0-2 0,0-3 0,96-7 0,-109 4 0,2-4 0,-2 0 0,-1-2 0,0-1 0,66-18 0,-80 15 0,-1 0 0,-2-2 0,0 0 0,-1-2 0,-1-1 0,-3 0 0,40-26 0,-26 8 0,-2 0 0,-2-2 0,-4 0 0,-1-3 0,-5 0 0,46-72 0,-35 33 0,-6 0 0,40-150 0,-42 22 0,-34 178 0,-5 2 0,0-1 0,-2 1 0,-2-1 0,-16-33 0,18 54 0,-1-3 0,0 2 0,-1 2 0,-1-2 0,-12-13 0,15 20 0,2-1 0,-2-1 0,0 2 0,0-1 0,1 1 0,-3-1 0,3 2 0,-2-2 0,-1 2 0,1-1 0,2 0 0,-3 1 0,0-2 0,1 2 0,0 1 0,0-1 0,-10-2 0,-1 3-130,1 2 0,0-2 0,-2 1 0,2 1 0,0 0-1,1 0 1,-2 2 0,1-1 0,-13 6 0,27-9 66,-95 25-6762</inkml:trace>
</inkml:ink>
</file>

<file path=ppt/ink/ink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25-07-11T03:46:45.619"/>
    </inkml:context>
    <inkml:brush xml:id="br0">
      <inkml:brushProperty name="width" value="0.1" units="cm"/>
      <inkml:brushProperty name="height" value="0.1" units="cm"/>
      <inkml:brushProperty name="color" value="#00B050"/>
    </inkml:brush>
  </inkml:definitions>
  <inkml:trace contextRef="#ctx0" brushRef="#br0">2367 0 24575,'-45'3'0,"1"-1"0,1 3 0,-76 10 0,-119 28 0,186-33 0,-127 27 0,3 2 0,4 4 0,-201 67 0,293-81 0,1 0 0,4 2 0,3 2 0,4 1 0,2 2 0,3 1 0,4 1 0,-65 53 0,85-55 0,5 1 0,1 0 0,3 0 0,5 1 0,3 1 0,4 0 0,2 0 0,6 1 0,-3 66 0,15-80 0,1 2 0,5-2 0,1 0 0,1 0 0,3 0 0,33 39 0,-28-46 0,2 0 0,0 1 0,3-3 0,0 0 0,2 0 0,4 0 0,-2-2 0,3 0 0,39 15 0,-26-14 0,0-2 0,1 0 0,1-1 0,2-2 0,1 0 0,1-1 0,1-2 0,0 0 0,99 9 0,-51-12 0,1 0 0,-1-2 0,1-3 0,134-7 0,-153 3 0,3-3 0,-3-1 0,-1-1 0,0-2 0,93-19 0,-113 16 0,-1 0 0,-3-2 0,-1 0 0,0-2 0,-2-1 0,-4 0 0,56-29 0,-36 10 0,-3-1 0,-4-2 0,-4 0 0,-3-2 0,-6-1 0,65-78 0,-50 36 0,-8 0 0,56-160 0,-59 22 0,-48 193 0,-6 1 0,-1-2 0,-3 2 0,-3-1 0,-21-35 0,24 57 0,-1-2 0,0 1 0,-2 2 0,0-2 0,-18-13 0,22 20 0,1 1 0,-1-2 0,0 1 0,-1 0 0,1 0 0,-2 1 0,1 0 0,-1 0 0,0 0 0,0-1 0,1 2 0,-1 0 0,-2-2 0,2 2 0,0 1 0,0-2 0,-15 0 0,1 2-130,-1 1 0,1-1 0,-3 1 0,3 2 0,-1-2-1,3 2 1,-3 1 0,1-1 0,-19 6 0,38-9 66,-132 28-6762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98CBA864-7104-43A5-9D51-DF1B17817496}" type="datetimeFigureOut">
              <a:rPr lang="en-HK" smtClean="0"/>
              <a:t>27/10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473491C-39A5-487B-9A95-3D52D6E6A8E7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94235980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83600266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52620768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03575057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25803842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21887569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86415315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62418107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8152906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982958105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43716306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1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85753735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987984153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98728298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92219345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200811344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006748394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116031111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757283014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89453229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804234182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835750091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2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9430626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92064576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833413040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22499121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798169173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210714417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218363733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062059879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425516912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797757208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4227707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3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23761252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897596052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4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399349227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4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633273112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4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89983387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4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70412644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4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67585250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4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15318001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580429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17591667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4252978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93225033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05677703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473491C-39A5-487B-9A95-3D52D6E6A8E7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59014454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15C39BCD-84C3-9ABE-852F-3FDC1AEEDB8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43AB57D-AAD3-C7EF-EFBC-EE9A8F62153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A140152F-7896-512B-27B2-4BFBE83CEF5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A09EC2CC-ED3B-EDAD-1A2A-818C5E59BAA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AF0ED2E9-85FF-8DDB-1B7D-FC9F8B9AC3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E3C827E7-B889-8676-D1EC-1B43A320E98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101DDEA9-41D6-A3CD-8EDD-889F86EF8FD9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8393852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9F62BF9-6CF2-C4BD-FFFE-63A18447FAD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E0B9FC4-B0DE-C69A-FD42-B335EE504E0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0DA56C80-7D43-D9C4-B1D1-D30E07FE9EE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1CF4F0A9-26B7-A304-1AC6-F616B4E7851F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6F2E4B3-4BD4-5538-A562-C35BE966304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A32F886D-9669-EBEB-CEA0-B107422A58D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7B88B88-0C33-0689-EA13-B4B0D19AD12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3580308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3D0632C7-E389-F71B-2D9C-BE2B8EB59D7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8F8129F1-B712-13F6-11F3-25FF6B1BC5A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17B31005-79C1-2F6B-97B9-4A5C9422AE9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BBD1D81-24D1-A952-DF07-290B091C7D8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262E30E8-5E9F-E770-3C74-6FB79D48178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AE789635-D4E7-4344-DFC8-B6D44A1C9EE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47B1C9B-F32D-C90E-10A6-2B5099E680A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14138179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3C6BA6E7-B22B-24D9-503B-DCDE39D4D23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F31E0C7E-24C7-2AF9-D40C-D965A8752BC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FF75DEDD-7224-7250-D996-03B1C06C5C4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E51D3F3-79FF-79F5-7A30-43DB15E9B00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E56227A7-487A-BD1E-8464-88F59D2337F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3BC21BE9-7F42-44AD-ED17-9880BC931D4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966678F0-7F25-60AE-FB34-1699C2E119AC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83039782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30E06DD0-6E02-D3FF-5591-1F2718B64BA3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18C61514-937D-CF1E-2E68-BA485D79A136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FFB9D7B9-0166-9F6A-06CE-C90D13DE13BB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388579186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663878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2193035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71086009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92582951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1590676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7229652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B99F339-803F-73D9-8B7A-210CE983ADA2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5A797A94-0C9C-6416-6DB1-1CFD9EBCDB0E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7FD4E982-BB7E-9C71-0A89-8F3BAF131DB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83D60C3-1BE2-9682-3B79-1B50A8079CDD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77A19987-3358-D607-D13B-DBCC2B14469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800164F6-BAD6-D2F9-39A7-83DAEB2DCA3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885BF90A-07C5-9094-D95F-21ABFE0E395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99AEF051-68EC-4752-8B83-2BAB0531924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8D7BDB8D-F906-14A6-C4DF-27D3ACDCAC6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B4ED603B-84D2-4291-1907-8AA67A0797BA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3E7C46EF-953E-060C-8CFF-129A29D9CDBC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7286977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610766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44517733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57673504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76017578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20">
            <a:extLst>
              <a:ext uri="{FF2B5EF4-FFF2-40B4-BE49-F238E27FC236}">
                <a16:creationId xmlns:a16="http://schemas.microsoft.com/office/drawing/2014/main" id="{AE02C0DF-8044-0846-0792-6DBD4313E791}"/>
              </a:ext>
            </a:extLst>
          </p:cNvPr>
          <p:cNvSpPr/>
          <p:nvPr userDrawn="1"/>
        </p:nvSpPr>
        <p:spPr>
          <a:xfrm>
            <a:off x="0" y="-1"/>
            <a:ext cx="12192000" cy="1213225"/>
          </a:xfrm>
          <a:prstGeom prst="rect">
            <a:avLst/>
          </a:prstGeom>
          <a:solidFill>
            <a:srgbClr val="7F5DA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/>
            <a:r>
              <a:rPr kumimoji="0" lang="en-US" altLang="zh-HK" sz="3400" b="1" dirty="0">
                <a:solidFill>
                  <a:schemeClr val="bg1"/>
                </a:solidFill>
                <a:cs typeface="Calibri" panose="020F0502020204030204" pitchFamily="34" charset="0"/>
              </a:rPr>
              <a:t>  </a:t>
            </a:r>
            <a:endParaRPr kumimoji="0" lang="en-US" altLang="zh-HK" sz="3600" b="1" dirty="0">
              <a:solidFill>
                <a:schemeClr val="bg1"/>
              </a:solidFill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943337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charRg st="4294967295" end="429496729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charRg st="4294967295" end="429496729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utoUpdateAnimBg="0"/>
    </p:bldLst>
  </p:timing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Number Placeholder 5"/>
          <p:cNvSpPr>
            <a:spLocks noGrp="1"/>
          </p:cNvSpPr>
          <p:nvPr>
            <p:ph type="sldNum" sz="quarter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2D815AC-DFBD-40B5-B8C0-7A68E75B8FC0}" type="slidenum">
              <a:rPr lang="en-GB"/>
              <a:pPr>
                <a:defRPr/>
              </a:pPr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602481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6D664370-23DB-8A45-76CB-5DC581DCB0F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7C919FB-9C31-19ED-EA9A-DB14BF21356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C7934896-ACD3-8769-FA28-E77C306680C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C827FA2B-43EA-1842-0978-9CAA5DD1EAF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CA311A97-1281-F590-1F3B-4D19554B3D6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1CBF9EF-8165-EE5B-A2BA-8CBDC202DA0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F007C28F-E9B9-E130-7F71-2AB337AC650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3599603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2E030ACE-6EB0-E17D-BE8D-83100A820B4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7BBD4FBD-0BEA-F44B-4650-10D7BB7CDB3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3F3DCD32-0A0C-EDC9-68F4-3ACE35FE4ED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344BE4C-CAE8-F551-9040-1492732294D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69BBBC5-BB7F-4D07-10C8-CD5F98B6943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3B11130-2EBD-FE05-9303-AA1B129F650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D8DB27D-DC1C-F045-2824-DC29C2A560DE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3384568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3033AFD4-8D91-7516-4569-8F135C6468E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DACFA97-4E83-EE51-FC2B-19E5E1C1AEE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2AD89952-792D-364F-DE85-4E49105F114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1376A61A-7B4B-65B6-8D88-A011487EBE5D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7E379228-01A7-62C6-1EDD-FD05A5AF734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9200D47B-DD90-8CA0-7389-F2FB81F6A12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F263B5B-FE8D-EFC6-02CE-6B6CBD5B5ED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9062867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A99DFF65-DE76-F6CB-F7E8-34AC45E08E1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5D9DDEE-5386-800C-0B8F-65DF1244EE5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8D4BA3D8-5C97-FCCB-5B5B-11A372BD4A2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F5D7AAB3-14EB-2F6E-B18D-48FE4C18CC6F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49A511E2-7F83-F930-BFBA-7FCCEFCFCCE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A1954D9-78C6-C42D-7D4A-6EDF84A1B0E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B719FE80-A75A-71AB-53B5-33819A72850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0656984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EBA4543-1D56-4AE4-28B2-863FC5757B5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D89647A-B7C3-06BC-081D-3118D6AF852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90150A67-9C4A-FBA2-87E5-45A74506881A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EEE47353-12AC-2686-6890-047DEC3286B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0F000E6E-9087-4039-0BFC-3FF6D5FCB0B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6DD1FEF3-8C14-89E7-707D-4A4EB3433B2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129B76B3-CD91-108A-5CAB-039FECA1AC69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8439082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ADA3733B-C162-DA1B-C207-0C4B0F6F417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FA24036-D9B8-DFDD-296E-6AB8271E278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F80F4C6B-00D1-D034-5914-7C12F4928C2A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554FB2CD-8B72-C5F3-9AB3-71BC699A0D0C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8199D45-BC79-AEEB-ED3E-32A76AEDF23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DDD6CD0-1250-BFD5-A829-CEA31508C90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7963101-926D-FC40-636B-A227CE40AB7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4948827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29BD4B12-9DB7-372A-F417-114BABF392DD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0E295C1-7D1B-F285-4CC2-42F3773C6C4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F3610926-AD5E-2DE9-11DB-9DBCA7F0DAE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3F0509A4-45B4-AFAB-4336-6CD44ABBFEE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0100329B-E700-C948-CDB5-787D1C967463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E643575F-E07A-FE6C-C57D-3BD7302A467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DD364410-45D1-4958-6357-A253CD44AF3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8808341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image" Target="../media/image1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3E6B84F1-095B-E4BE-145A-F4C72B5EEBE9}"/>
              </a:ext>
            </a:extLst>
          </p:cNvPr>
          <p:cNvPicPr>
            <a:picLocks noChangeAspect="1"/>
          </p:cNvPicPr>
          <p:nvPr userDrawn="1"/>
        </p:nvPicPr>
        <p:blipFill>
          <a:blip r:embed="rId2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3761934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  <p:sldLayoutId id="2147483677" r:id="rId17"/>
    <p:sldLayoutId id="2147483678" r:id="rId18"/>
    <p:sldLayoutId id="2147483679" r:id="rId19"/>
    <p:sldLayoutId id="2147483680" r:id="rId20"/>
    <p:sldLayoutId id="2147483681" r:id="rId21"/>
    <p:sldLayoutId id="2147483682" r:id="rId22"/>
    <p:sldLayoutId id="2147483684" r:id="rId23"/>
    <p:sldLayoutId id="2147483685" r:id="rId24"/>
    <p:sldLayoutId id="2147483683" r:id="rId25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1.xml"/><Relationship Id="rId4" Type="http://schemas.openxmlformats.org/officeDocument/2006/relationships/image" Target="../media/image29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32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2.xml"/><Relationship Id="rId6" Type="http://schemas.openxmlformats.org/officeDocument/2006/relationships/customXml" Target="../ink/ink1.xml"/><Relationship Id="rId5" Type="http://schemas.openxmlformats.org/officeDocument/2006/relationships/image" Target="../media/image29.png"/><Relationship Id="rId4" Type="http://schemas.openxmlformats.org/officeDocument/2006/relationships/image" Target="../media/image31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png"/><Relationship Id="rId3" Type="http://schemas.openxmlformats.org/officeDocument/2006/relationships/notesSlide" Target="../notesSlides/notesSlide12.xml"/><Relationship Id="rId7" Type="http://schemas.openxmlformats.org/officeDocument/2006/relationships/customXml" Target="../ink/ink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3.xml"/><Relationship Id="rId6" Type="http://schemas.openxmlformats.org/officeDocument/2006/relationships/image" Target="../media/image29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Relationship Id="rId9" Type="http://schemas.openxmlformats.org/officeDocument/2006/relationships/image" Target="../media/image31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png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37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4.xml"/><Relationship Id="rId6" Type="http://schemas.openxmlformats.org/officeDocument/2006/relationships/customXml" Target="../ink/ink3.xml"/><Relationship Id="rId5" Type="http://schemas.openxmlformats.org/officeDocument/2006/relationships/image" Target="../media/image29.png"/><Relationship Id="rId10" Type="http://schemas.openxmlformats.org/officeDocument/2006/relationships/image" Target="../media/image33.png"/><Relationship Id="rId4" Type="http://schemas.openxmlformats.org/officeDocument/2006/relationships/image" Target="../media/image36.png"/><Relationship Id="rId9" Type="http://schemas.openxmlformats.org/officeDocument/2006/relationships/image" Target="../media/image34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customXml" Target="../ink/ink4.xml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33.png"/><Relationship Id="rId12" Type="http://schemas.openxmlformats.org/officeDocument/2006/relationships/customXml" Target="../ink/ink7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5.xml"/><Relationship Id="rId6" Type="http://schemas.openxmlformats.org/officeDocument/2006/relationships/image" Target="../media/image34.png"/><Relationship Id="rId11" Type="http://schemas.openxmlformats.org/officeDocument/2006/relationships/customXml" Target="../ink/ink6.xml"/><Relationship Id="rId5" Type="http://schemas.openxmlformats.org/officeDocument/2006/relationships/image" Target="../media/image31.png"/><Relationship Id="rId10" Type="http://schemas.openxmlformats.org/officeDocument/2006/relationships/customXml" Target="../ink/ink5.xml"/><Relationship Id="rId4" Type="http://schemas.openxmlformats.org/officeDocument/2006/relationships/image" Target="../media/image36.png"/><Relationship Id="rId9" Type="http://schemas.openxmlformats.org/officeDocument/2006/relationships/image" Target="../media/image38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41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6.xml"/><Relationship Id="rId6" Type="http://schemas.openxmlformats.org/officeDocument/2006/relationships/image" Target="../media/image40.png"/><Relationship Id="rId5" Type="http://schemas.openxmlformats.org/officeDocument/2006/relationships/customXml" Target="../ink/ink8.xml"/><Relationship Id="rId10" Type="http://schemas.openxmlformats.org/officeDocument/2006/relationships/image" Target="../media/image43.png"/><Relationship Id="rId4" Type="http://schemas.openxmlformats.org/officeDocument/2006/relationships/image" Target="../media/image39.png"/><Relationship Id="rId9" Type="http://schemas.openxmlformats.org/officeDocument/2006/relationships/customXml" Target="../ink/ink9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7.xml"/><Relationship Id="rId4" Type="http://schemas.openxmlformats.org/officeDocument/2006/relationships/image" Target="../media/image43.jpe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8.xml"/><Relationship Id="rId4" Type="http://schemas.openxmlformats.org/officeDocument/2006/relationships/image" Target="../media/image44.jpe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png"/><Relationship Id="rId3" Type="http://schemas.openxmlformats.org/officeDocument/2006/relationships/notesSlide" Target="../notesSlides/notesSlide18.xml"/><Relationship Id="rId7" Type="http://schemas.openxmlformats.org/officeDocument/2006/relationships/customXml" Target="../ink/ink10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9.xml"/><Relationship Id="rId6" Type="http://schemas.openxmlformats.org/officeDocument/2006/relationships/image" Target="../media/image46.svg"/><Relationship Id="rId5" Type="http://schemas.openxmlformats.org/officeDocument/2006/relationships/image" Target="../media/image45.png"/><Relationship Id="rId4" Type="http://schemas.openxmlformats.org/officeDocument/2006/relationships/image" Target="../media/image44.jpe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0.xml"/><Relationship Id="rId4" Type="http://schemas.openxmlformats.org/officeDocument/2006/relationships/image" Target="../media/image44.jpe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.xml"/><Relationship Id="rId5" Type="http://schemas.openxmlformats.org/officeDocument/2006/relationships/image" Target="../media/image30.jpeg"/><Relationship Id="rId4" Type="http://schemas.openxmlformats.org/officeDocument/2006/relationships/image" Target="../media/image29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1.xml"/><Relationship Id="rId5" Type="http://schemas.openxmlformats.org/officeDocument/2006/relationships/image" Target="../media/image29.png"/><Relationship Id="rId4" Type="http://schemas.openxmlformats.org/officeDocument/2006/relationships/image" Target="../media/image47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50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2.xml"/><Relationship Id="rId6" Type="http://schemas.openxmlformats.org/officeDocument/2006/relationships/customXml" Target="../ink/ink11.xml"/><Relationship Id="rId5" Type="http://schemas.openxmlformats.org/officeDocument/2006/relationships/image" Target="../media/image29.png"/><Relationship Id="rId4" Type="http://schemas.openxmlformats.org/officeDocument/2006/relationships/image" Target="../media/image47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51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3.xml"/><Relationship Id="rId6" Type="http://schemas.openxmlformats.org/officeDocument/2006/relationships/customXml" Target="../ink/ink12.xml"/><Relationship Id="rId5" Type="http://schemas.openxmlformats.org/officeDocument/2006/relationships/image" Target="../media/image29.png"/><Relationship Id="rId4" Type="http://schemas.openxmlformats.org/officeDocument/2006/relationships/image" Target="../media/image47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4.xml"/><Relationship Id="rId4" Type="http://schemas.openxmlformats.org/officeDocument/2006/relationships/image" Target="../media/image49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51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5.xml"/><Relationship Id="rId6" Type="http://schemas.openxmlformats.org/officeDocument/2006/relationships/customXml" Target="../ink/ink13.xml"/><Relationship Id="rId5" Type="http://schemas.openxmlformats.org/officeDocument/2006/relationships/image" Target="../media/image29.png"/><Relationship Id="rId4" Type="http://schemas.openxmlformats.org/officeDocument/2006/relationships/image" Target="../media/image47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6.xml"/><Relationship Id="rId4" Type="http://schemas.openxmlformats.org/officeDocument/2006/relationships/image" Target="../media/image44.jpe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7.xml"/><Relationship Id="rId5" Type="http://schemas.openxmlformats.org/officeDocument/2006/relationships/image" Target="../media/image29.png"/><Relationship Id="rId4" Type="http://schemas.openxmlformats.org/officeDocument/2006/relationships/image" Target="../media/image47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8.xml"/><Relationship Id="rId5" Type="http://schemas.openxmlformats.org/officeDocument/2006/relationships/image" Target="../media/image29.png"/><Relationship Id="rId4" Type="http://schemas.openxmlformats.org/officeDocument/2006/relationships/image" Target="../media/image47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9.xml"/><Relationship Id="rId5" Type="http://schemas.openxmlformats.org/officeDocument/2006/relationships/image" Target="../media/image29.png"/><Relationship Id="rId4" Type="http://schemas.openxmlformats.org/officeDocument/2006/relationships/image" Target="../media/image47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0.xml"/><Relationship Id="rId5" Type="http://schemas.openxmlformats.org/officeDocument/2006/relationships/image" Target="../media/image29.png"/><Relationship Id="rId4" Type="http://schemas.openxmlformats.org/officeDocument/2006/relationships/image" Target="../media/image47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.xml"/><Relationship Id="rId5" Type="http://schemas.openxmlformats.org/officeDocument/2006/relationships/image" Target="../media/image30.jpeg"/><Relationship Id="rId4" Type="http://schemas.openxmlformats.org/officeDocument/2006/relationships/image" Target="../media/image29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1.xml"/><Relationship Id="rId4" Type="http://schemas.openxmlformats.org/officeDocument/2006/relationships/image" Target="../media/image47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2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3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4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5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6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7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8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9.xml"/><Relationship Id="rId4" Type="http://schemas.openxmlformats.org/officeDocument/2006/relationships/image" Target="../media/image52.pn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0.xml"/><Relationship Id="rId5" Type="http://schemas.openxmlformats.org/officeDocument/2006/relationships/image" Target="../media/image54.png"/><Relationship Id="rId4" Type="http://schemas.openxmlformats.org/officeDocument/2006/relationships/image" Target="../media/image5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5.xml"/><Relationship Id="rId4" Type="http://schemas.openxmlformats.org/officeDocument/2006/relationships/image" Target="../media/image29.png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1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1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2.xml"/><Relationship Id="rId5" Type="http://schemas.openxmlformats.org/officeDocument/2006/relationships/image" Target="../media/image56.png"/><Relationship Id="rId4" Type="http://schemas.openxmlformats.org/officeDocument/2006/relationships/image" Target="../media/image55.pn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3.xml"/><Relationship Id="rId5" Type="http://schemas.openxmlformats.org/officeDocument/2006/relationships/image" Target="../media/image29.png"/><Relationship Id="rId4" Type="http://schemas.openxmlformats.org/officeDocument/2006/relationships/image" Target="../media/image57.pn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3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4.xml"/><Relationship Id="rId4" Type="http://schemas.openxmlformats.org/officeDocument/2006/relationships/image" Target="../media/image29.png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5.xml"/><Relationship Id="rId4" Type="http://schemas.openxmlformats.org/officeDocument/2006/relationships/image" Target="../media/image58.png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5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46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6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47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6.xml"/><Relationship Id="rId4" Type="http://schemas.openxmlformats.org/officeDocument/2006/relationships/image" Target="../media/image29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7.xml"/><Relationship Id="rId4" Type="http://schemas.openxmlformats.org/officeDocument/2006/relationships/image" Target="../media/image29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8.xml"/><Relationship Id="rId4" Type="http://schemas.openxmlformats.org/officeDocument/2006/relationships/image" Target="../media/image29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9.xml"/><Relationship Id="rId4" Type="http://schemas.openxmlformats.org/officeDocument/2006/relationships/image" Target="../media/image29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0.xml"/><Relationship Id="rId4" Type="http://schemas.openxmlformats.org/officeDocument/2006/relationships/image" Target="../media/image2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F52DF511-BB39-ACC8-7ACB-315F4B4756BB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4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4CBC0C51-6527-B9F1-41AE-B124C64A6826}"/>
              </a:ext>
            </a:extLst>
          </p:cNvPr>
          <p:cNvSpPr txBox="1"/>
          <p:nvPr/>
        </p:nvSpPr>
        <p:spPr>
          <a:xfrm>
            <a:off x="3155950" y="3429000"/>
            <a:ext cx="5880100" cy="14465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TW" sz="4400" b="1" dirty="0">
                <a:solidFill>
                  <a:srgbClr val="002060"/>
                </a:solidFill>
              </a:rPr>
              <a:t>Design a zoo and write about i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80909203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686B48A-18BD-F1F7-AD6D-B00ED14DECE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F945A65F-5931-4EAC-3531-624041776B6B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5682" r="15945" b="54618"/>
          <a:stretch/>
        </p:blipFill>
        <p:spPr>
          <a:xfrm>
            <a:off x="1641674" y="1351429"/>
            <a:ext cx="7542584" cy="5029200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4407247A-0DEE-1F26-E1B8-0270EE9111F8}"/>
              </a:ext>
            </a:extLst>
          </p:cNvPr>
          <p:cNvSpPr txBox="1"/>
          <p:nvPr/>
        </p:nvSpPr>
        <p:spPr>
          <a:xfrm>
            <a:off x="385714" y="261638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Now we can write about tigers!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8C84F8BA-4281-CB77-8163-04706CD3B73A}"/>
              </a:ext>
            </a:extLst>
          </p:cNvPr>
          <p:cNvPicPr>
            <a:picLocks noChangeAspect="1"/>
          </p:cNvPicPr>
          <p:nvPr/>
        </p:nvPicPr>
        <p:blipFill>
          <a:blip r:embed="rId4">
            <a:grayscl/>
          </a:blip>
          <a:srcRect l="16545" t="24647" r="15944" b="56617"/>
          <a:stretch/>
        </p:blipFill>
        <p:spPr>
          <a:xfrm>
            <a:off x="3126441" y="3745006"/>
            <a:ext cx="6057817" cy="237340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37506878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914AF57-A7ED-5181-243E-D5652B23B33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F5B3EB92-FC62-F247-2A01-CD5E8863696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73020" y="3877986"/>
            <a:ext cx="4102964" cy="749873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58F89946-DF5B-1F2C-764D-92070A484626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4870" t="5682" r="15945" b="75052"/>
          <a:stretch/>
        </p:blipFill>
        <p:spPr>
          <a:xfrm>
            <a:off x="2541492" y="1264202"/>
            <a:ext cx="7105555" cy="2440642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50D0E397-52B8-5853-5B36-AE555A8BD8A7}"/>
              </a:ext>
            </a:extLst>
          </p:cNvPr>
          <p:cNvSpPr txBox="1"/>
          <p:nvPr/>
        </p:nvSpPr>
        <p:spPr>
          <a:xfrm>
            <a:off x="385714" y="217570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How many tigers are there?</a:t>
            </a:r>
            <a:endParaRPr lang="en-HK" sz="3600" b="1" dirty="0">
              <a:solidFill>
                <a:schemeClr val="bg1"/>
              </a:solidFill>
            </a:endParaRP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6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9BF06BB6-015D-A2BE-6223-C47C239838FB}"/>
                  </a:ext>
                </a:extLst>
              </p14:cNvPr>
              <p14:cNvContentPartPr/>
              <p14:nvPr/>
            </p14:nvContentPartPr>
            <p14:xfrm rot="838023">
              <a:off x="4921746" y="2926751"/>
              <a:ext cx="1459080" cy="717402"/>
            </p14:xfrm>
          </p:contentPart>
        </mc:Choice>
        <mc:Fallback xmlns=""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9BF06BB6-015D-A2BE-6223-C47C239838FB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 rot="838023">
                <a:off x="4903746" y="2908762"/>
                <a:ext cx="1494720" cy="753020"/>
              </a:xfrm>
              <a:prstGeom prst="rect">
                <a:avLst/>
              </a:prstGeom>
            </p:spPr>
          </p:pic>
        </mc:Fallback>
      </mc:AlternateContent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379D2A21-C32C-5930-6921-3A8F889D8640}"/>
              </a:ext>
            </a:extLst>
          </p:cNvPr>
          <p:cNvCxnSpPr/>
          <p:nvPr/>
        </p:nvCxnSpPr>
        <p:spPr>
          <a:xfrm>
            <a:off x="5553636" y="3603963"/>
            <a:ext cx="0" cy="309310"/>
          </a:xfrm>
          <a:prstGeom prst="straightConnector1">
            <a:avLst/>
          </a:prstGeom>
          <a:ln w="57150">
            <a:solidFill>
              <a:srgbClr val="F8981C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047128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CA1A254-5B6E-60A4-19BC-FDF0B0B38DE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Picture 17">
            <a:extLst>
              <a:ext uri="{FF2B5EF4-FFF2-40B4-BE49-F238E27FC236}">
                <a16:creationId xmlns:a16="http://schemas.microsoft.com/office/drawing/2014/main" id="{350E9DB0-4874-9ACC-5BF4-08B1F67AC75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79754" y="5091909"/>
            <a:ext cx="5962405" cy="749873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79216A12-E09A-8F5C-0598-414B6563B13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479754" y="4472033"/>
            <a:ext cx="5334462" cy="749873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AA0DBC2E-D023-47BF-932C-C18C214B1C7D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 l="4870" t="5682" r="15945" b="75052"/>
          <a:stretch/>
        </p:blipFill>
        <p:spPr>
          <a:xfrm>
            <a:off x="2548226" y="1264202"/>
            <a:ext cx="7105555" cy="2440642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EBE22EA-ABC4-67C2-430B-512580FA4C20}"/>
              </a:ext>
            </a:extLst>
          </p:cNvPr>
          <p:cNvSpPr txBox="1"/>
          <p:nvPr/>
        </p:nvSpPr>
        <p:spPr>
          <a:xfrm>
            <a:off x="385714" y="206553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here are they?</a:t>
            </a:r>
            <a:endParaRPr lang="en-HK" sz="3600" b="1" dirty="0">
              <a:solidFill>
                <a:schemeClr val="bg1"/>
              </a:solidFill>
            </a:endParaRP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7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C131DCCD-E1C4-035C-3889-767A423ADDFF}"/>
                  </a:ext>
                </a:extLst>
              </p14:cNvPr>
              <p14:cNvContentPartPr/>
              <p14:nvPr/>
            </p14:nvContentPartPr>
            <p14:xfrm rot="878909">
              <a:off x="6481615" y="2859728"/>
              <a:ext cx="1974354" cy="919080"/>
            </p14:xfrm>
          </p:contentPart>
        </mc:Choice>
        <mc:Fallback xmlns=""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C131DCCD-E1C4-035C-3889-767A423ADDFF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 rot="878909">
                <a:off x="6463614" y="2841728"/>
                <a:ext cx="2009996" cy="954720"/>
              </a:xfrm>
              <a:prstGeom prst="rect">
                <a:avLst/>
              </a:prstGeom>
            </p:spPr>
          </p:pic>
        </mc:Fallback>
      </mc:AlternateContent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45997505-E6EA-D683-6C2E-9306EB21EBEF}"/>
              </a:ext>
            </a:extLst>
          </p:cNvPr>
          <p:cNvCxnSpPr>
            <a:cxnSpLocks/>
          </p:cNvCxnSpPr>
          <p:nvPr/>
        </p:nvCxnSpPr>
        <p:spPr>
          <a:xfrm>
            <a:off x="7873264" y="3648832"/>
            <a:ext cx="0" cy="814373"/>
          </a:xfrm>
          <a:prstGeom prst="straightConnector1">
            <a:avLst/>
          </a:prstGeom>
          <a:ln w="57150">
            <a:solidFill>
              <a:srgbClr val="F8981C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5" name="Picture 14">
            <a:extLst>
              <a:ext uri="{FF2B5EF4-FFF2-40B4-BE49-F238E27FC236}">
                <a16:creationId xmlns:a16="http://schemas.microsoft.com/office/drawing/2014/main" id="{A2AF5130-6D78-41A1-82CB-7C62055A78B1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3479754" y="3877986"/>
            <a:ext cx="4102964" cy="74987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6840604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09424CF-8EF7-32F9-34F8-383CD9A1E7A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6E3AB6D2-37D9-566B-77DB-0217299415D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73028" y="5711785"/>
            <a:ext cx="4578493" cy="749873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A06B1BDF-0E57-34E4-0AF3-C2F1B5C0049A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4870" t="5682" r="15945" b="75052"/>
          <a:stretch/>
        </p:blipFill>
        <p:spPr>
          <a:xfrm>
            <a:off x="2541500" y="1264202"/>
            <a:ext cx="7105555" cy="2440642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4AE829FE-D863-315A-2B55-E0E4D73682F9}"/>
              </a:ext>
            </a:extLst>
          </p:cNvPr>
          <p:cNvSpPr txBox="1"/>
          <p:nvPr/>
        </p:nvSpPr>
        <p:spPr>
          <a:xfrm>
            <a:off x="385714" y="305704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here are they?</a:t>
            </a:r>
            <a:endParaRPr lang="en-HK" sz="3600" b="1" dirty="0">
              <a:solidFill>
                <a:schemeClr val="bg1"/>
              </a:solidFill>
            </a:endParaRP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6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66D9640F-8331-5758-9C4F-6908AD4FBF89}"/>
                  </a:ext>
                </a:extLst>
              </p14:cNvPr>
              <p14:cNvContentPartPr/>
              <p14:nvPr/>
            </p14:nvContentPartPr>
            <p14:xfrm rot="1817151">
              <a:off x="8532303" y="2837401"/>
              <a:ext cx="1165452" cy="919080"/>
            </p14:xfrm>
          </p:contentPart>
        </mc:Choice>
        <mc:Fallback xmlns=""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66D9640F-8331-5758-9C4F-6908AD4FBF89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 rot="1817151">
                <a:off x="8514307" y="2819401"/>
                <a:ext cx="1201085" cy="954720"/>
              </a:xfrm>
              <a:prstGeom prst="rect">
                <a:avLst/>
              </a:prstGeom>
            </p:spPr>
          </p:pic>
        </mc:Fallback>
      </mc:AlternateContent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A7FB04C0-497D-D617-9BFB-C86378847243}"/>
              </a:ext>
            </a:extLst>
          </p:cNvPr>
          <p:cNvCxnSpPr>
            <a:cxnSpLocks/>
          </p:cNvCxnSpPr>
          <p:nvPr/>
        </p:nvCxnSpPr>
        <p:spPr>
          <a:xfrm rot="5400000">
            <a:off x="7602137" y="3959637"/>
            <a:ext cx="2554175" cy="1492901"/>
          </a:xfrm>
          <a:prstGeom prst="bentConnector2">
            <a:avLst/>
          </a:prstGeom>
          <a:ln w="57150">
            <a:solidFill>
              <a:srgbClr val="F8981C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4" name="Picture 3">
            <a:extLst>
              <a:ext uri="{FF2B5EF4-FFF2-40B4-BE49-F238E27FC236}">
                <a16:creationId xmlns:a16="http://schemas.microsoft.com/office/drawing/2014/main" id="{02F76E20-028D-4F25-0FAB-87F683FD85CC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473028" y="3877986"/>
            <a:ext cx="4102964" cy="749873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3E8E2365-4FFA-35B3-080C-1A770865AE53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3473028" y="4472033"/>
            <a:ext cx="5334462" cy="749873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008B1CE9-3F3F-DEDA-1BAA-4DC20D81F1D8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3473028" y="5091909"/>
            <a:ext cx="5962405" cy="74987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934333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C6D5329-6402-FEB1-AC7F-80116EA0A71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AF43AF6C-0AF8-0978-A143-42D11539F61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61740" y="4803733"/>
            <a:ext cx="4578493" cy="749873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4EE8A1B4-B6C8-AAD3-5759-DAB7E66F7219}"/>
              </a:ext>
            </a:extLst>
          </p:cNvPr>
          <p:cNvSpPr txBox="1"/>
          <p:nvPr/>
        </p:nvSpPr>
        <p:spPr>
          <a:xfrm>
            <a:off x="385714" y="283672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Pay attention to the verb used in these sentences.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BD17D5C-471D-8D47-7BFE-E719C663CE0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61740" y="1562379"/>
            <a:ext cx="4102964" cy="749873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AD20B611-5CAB-FB46-7AD3-4629FD4A9938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61740" y="2670132"/>
            <a:ext cx="5334462" cy="749873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C1F167F-21C2-905E-C67E-78796B99DA1D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61740" y="3711244"/>
            <a:ext cx="5962405" cy="749873"/>
          </a:xfrm>
          <a:prstGeom prst="rect">
            <a:avLst/>
          </a:prstGeom>
        </p:spPr>
      </p:pic>
      <mc:AlternateContent xmlns:mc="http://schemas.openxmlformats.org/markup-compatibility/2006" xmlns:p14="http://schemas.microsoft.com/office/powerpoint/2010/main">
        <mc:Choice Requires="p14">
          <p:contentPart p14:bwMode="auto" r:id="rId8">
            <p14:nvContentPartPr>
              <p14:cNvPr id="20" name="Ink 19">
                <a:extLst>
                  <a:ext uri="{FF2B5EF4-FFF2-40B4-BE49-F238E27FC236}">
                    <a16:creationId xmlns:a16="http://schemas.microsoft.com/office/drawing/2014/main" id="{98935DD0-FDF3-4961-A3BA-8CD1B0C7425A}"/>
                  </a:ext>
                </a:extLst>
              </p14:cNvPr>
              <p14:cNvContentPartPr/>
              <p14:nvPr/>
            </p14:nvContentPartPr>
            <p14:xfrm>
              <a:off x="1620635" y="1707777"/>
              <a:ext cx="678812" cy="436980"/>
            </p14:xfrm>
          </p:contentPart>
        </mc:Choice>
        <mc:Fallback xmlns="">
          <p:pic>
            <p:nvPicPr>
              <p:cNvPr id="20" name="Ink 19">
                <a:extLst>
                  <a:ext uri="{FF2B5EF4-FFF2-40B4-BE49-F238E27FC236}">
                    <a16:creationId xmlns:a16="http://schemas.microsoft.com/office/drawing/2014/main" id="{98935DD0-FDF3-4961-A3BA-8CD1B0C7425A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1602639" y="1689779"/>
                <a:ext cx="714444" cy="472615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0">
            <p14:nvContentPartPr>
              <p14:cNvPr id="25" name="Ink 24">
                <a:extLst>
                  <a:ext uri="{FF2B5EF4-FFF2-40B4-BE49-F238E27FC236}">
                    <a16:creationId xmlns:a16="http://schemas.microsoft.com/office/drawing/2014/main" id="{E659E8A3-15D1-729F-8F4E-4FB473A4E3CA}"/>
                  </a:ext>
                </a:extLst>
              </p14:cNvPr>
              <p14:cNvContentPartPr/>
              <p14:nvPr/>
            </p14:nvContentPartPr>
            <p14:xfrm>
              <a:off x="1638735" y="2803461"/>
              <a:ext cx="678812" cy="436980"/>
            </p14:xfrm>
          </p:contentPart>
        </mc:Choice>
        <mc:Fallback xmlns="">
          <p:pic>
            <p:nvPicPr>
              <p:cNvPr id="25" name="Ink 24">
                <a:extLst>
                  <a:ext uri="{FF2B5EF4-FFF2-40B4-BE49-F238E27FC236}">
                    <a16:creationId xmlns:a16="http://schemas.microsoft.com/office/drawing/2014/main" id="{E659E8A3-15D1-729F-8F4E-4FB473A4E3CA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1620739" y="2785463"/>
                <a:ext cx="714444" cy="472615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1">
            <p14:nvContentPartPr>
              <p14:cNvPr id="26" name="Ink 25">
                <a:extLst>
                  <a:ext uri="{FF2B5EF4-FFF2-40B4-BE49-F238E27FC236}">
                    <a16:creationId xmlns:a16="http://schemas.microsoft.com/office/drawing/2014/main" id="{6BCE3C3B-D8F2-7A3D-0C10-0571A69B9BF9}"/>
                  </a:ext>
                </a:extLst>
              </p14:cNvPr>
              <p14:cNvContentPartPr/>
              <p14:nvPr/>
            </p14:nvContentPartPr>
            <p14:xfrm>
              <a:off x="1629943" y="3865530"/>
              <a:ext cx="678812" cy="436980"/>
            </p14:xfrm>
          </p:contentPart>
        </mc:Choice>
        <mc:Fallback xmlns="">
          <p:pic>
            <p:nvPicPr>
              <p:cNvPr id="26" name="Ink 25">
                <a:extLst>
                  <a:ext uri="{FF2B5EF4-FFF2-40B4-BE49-F238E27FC236}">
                    <a16:creationId xmlns:a16="http://schemas.microsoft.com/office/drawing/2014/main" id="{6BCE3C3B-D8F2-7A3D-0C10-0571A69B9BF9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1611947" y="3847532"/>
                <a:ext cx="714444" cy="472615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2">
            <p14:nvContentPartPr>
              <p14:cNvPr id="29" name="Ink 28">
                <a:extLst>
                  <a:ext uri="{FF2B5EF4-FFF2-40B4-BE49-F238E27FC236}">
                    <a16:creationId xmlns:a16="http://schemas.microsoft.com/office/drawing/2014/main" id="{2A2EBDA4-39FB-706C-F382-8979D006FACF}"/>
                  </a:ext>
                </a:extLst>
              </p14:cNvPr>
              <p14:cNvContentPartPr/>
              <p14:nvPr/>
            </p14:nvContentPartPr>
            <p14:xfrm>
              <a:off x="1526849" y="4932333"/>
              <a:ext cx="678812" cy="436980"/>
            </p14:xfrm>
          </p:contentPart>
        </mc:Choice>
        <mc:Fallback xmlns="">
          <p:pic>
            <p:nvPicPr>
              <p:cNvPr id="29" name="Ink 28">
                <a:extLst>
                  <a:ext uri="{FF2B5EF4-FFF2-40B4-BE49-F238E27FC236}">
                    <a16:creationId xmlns:a16="http://schemas.microsoft.com/office/drawing/2014/main" id="{2A2EBDA4-39FB-706C-F382-8979D006FACF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1508853" y="4914335"/>
                <a:ext cx="714444" cy="472615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419090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05FA08E-96B8-9A2A-5B5E-7AADC5D304B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16">
            <a:extLst>
              <a:ext uri="{FF2B5EF4-FFF2-40B4-BE49-F238E27FC236}">
                <a16:creationId xmlns:a16="http://schemas.microsoft.com/office/drawing/2014/main" id="{62C0F43B-D6F3-36F3-A4FE-ABAF4465D86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80149" y="4951480"/>
            <a:ext cx="5048578" cy="473896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D8D01525-E7F8-A1CA-A502-F410D856B765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e use ‘is’ and ‘are’ with </a:t>
            </a:r>
            <a:r>
              <a:rPr lang="en-US" sz="3600" b="1" dirty="0" err="1">
                <a:solidFill>
                  <a:schemeClr val="bg1"/>
                </a:solidFill>
              </a:rPr>
              <a:t>colours</a:t>
            </a:r>
            <a:r>
              <a:rPr lang="en-US" sz="3600" b="1" dirty="0">
                <a:solidFill>
                  <a:schemeClr val="bg1"/>
                </a:solidFill>
              </a:rPr>
              <a:t> or adjectives.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We use ‘has’ and ‘have’ with body parts.</a:t>
            </a:r>
            <a:endParaRPr lang="en-HK" sz="3600" b="1" dirty="0">
              <a:solidFill>
                <a:schemeClr val="bg1"/>
              </a:solidFill>
            </a:endParaRP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5">
            <p14:nvContentPartPr>
              <p14:cNvPr id="29" name="Ink 28">
                <a:extLst>
                  <a:ext uri="{FF2B5EF4-FFF2-40B4-BE49-F238E27FC236}">
                    <a16:creationId xmlns:a16="http://schemas.microsoft.com/office/drawing/2014/main" id="{6B0B41F6-FAE4-C092-6795-A1E38FB27108}"/>
                  </a:ext>
                </a:extLst>
              </p14:cNvPr>
              <p14:cNvContentPartPr/>
              <p14:nvPr/>
            </p14:nvContentPartPr>
            <p14:xfrm>
              <a:off x="1796309" y="4868844"/>
              <a:ext cx="864526" cy="556532"/>
            </p14:xfrm>
          </p:contentPart>
        </mc:Choice>
        <mc:Fallback xmlns="">
          <p:pic>
            <p:nvPicPr>
              <p:cNvPr id="29" name="Ink 28">
                <a:extLst>
                  <a:ext uri="{FF2B5EF4-FFF2-40B4-BE49-F238E27FC236}">
                    <a16:creationId xmlns:a16="http://schemas.microsoft.com/office/drawing/2014/main" id="{6B0B41F6-FAE4-C092-6795-A1E38FB27108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1778313" y="4850845"/>
                <a:ext cx="900158" cy="592170"/>
              </a:xfrm>
              <a:prstGeom prst="rect">
                <a:avLst/>
              </a:prstGeom>
            </p:spPr>
          </p:pic>
        </mc:Fallback>
      </mc:AlternateContent>
      <p:pic>
        <p:nvPicPr>
          <p:cNvPr id="30" name="Picture 29">
            <a:extLst>
              <a:ext uri="{FF2B5EF4-FFF2-40B4-BE49-F238E27FC236}">
                <a16:creationId xmlns:a16="http://schemas.microsoft.com/office/drawing/2014/main" id="{AF1324FD-081B-403B-3114-DBC56E8E011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0" r="2660"/>
          <a:stretch/>
        </p:blipFill>
        <p:spPr>
          <a:xfrm>
            <a:off x="2864152" y="1290897"/>
            <a:ext cx="6845444" cy="3412990"/>
          </a:xfrm>
          <a:prstGeom prst="rect">
            <a:avLst/>
          </a:prstGeom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5D3310F9-2B4B-9315-7324-957B4D3CEC1E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7100999" y="4951480"/>
            <a:ext cx="3968954" cy="514376"/>
          </a:xfrm>
          <a:prstGeom prst="rect">
            <a:avLst/>
          </a:prstGeom>
        </p:spPr>
      </p:pic>
      <mc:AlternateContent xmlns:mc="http://schemas.openxmlformats.org/markup-compatibility/2006" xmlns:p14="http://schemas.microsoft.com/office/powerpoint/2010/main">
        <mc:Choice Requires="p14">
          <p:contentPart p14:bwMode="auto" r:id="rId9">
            <p14:nvContentPartPr>
              <p14:cNvPr id="21" name="Ink 20">
                <a:extLst>
                  <a:ext uri="{FF2B5EF4-FFF2-40B4-BE49-F238E27FC236}">
                    <a16:creationId xmlns:a16="http://schemas.microsoft.com/office/drawing/2014/main" id="{FFE45030-6249-C0E3-2BC6-84A2467E3A27}"/>
                  </a:ext>
                </a:extLst>
              </p14:cNvPr>
              <p14:cNvContentPartPr/>
              <p14:nvPr/>
            </p14:nvContentPartPr>
            <p14:xfrm>
              <a:off x="8015570" y="4868844"/>
              <a:ext cx="1216427" cy="597012"/>
            </p14:xfrm>
          </p:contentPart>
        </mc:Choice>
        <mc:Fallback xmlns="">
          <p:pic>
            <p:nvPicPr>
              <p:cNvPr id="21" name="Ink 20">
                <a:extLst>
                  <a:ext uri="{FF2B5EF4-FFF2-40B4-BE49-F238E27FC236}">
                    <a16:creationId xmlns:a16="http://schemas.microsoft.com/office/drawing/2014/main" id="{FFE45030-6249-C0E3-2BC6-84A2467E3A27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7997570" y="4850840"/>
                <a:ext cx="1252067" cy="632660"/>
              </a:xfrm>
              <a:prstGeom prst="rect">
                <a:avLst/>
              </a:prstGeom>
            </p:spPr>
          </p:pic>
        </mc:Fallback>
      </mc:AlternateContent>
      <p:sp>
        <p:nvSpPr>
          <p:cNvPr id="23" name="Freeform: Shape 22">
            <a:extLst>
              <a:ext uri="{FF2B5EF4-FFF2-40B4-BE49-F238E27FC236}">
                <a16:creationId xmlns:a16="http://schemas.microsoft.com/office/drawing/2014/main" id="{2F9E90B8-F015-FA44-67CD-2FDF855D0E40}"/>
              </a:ext>
            </a:extLst>
          </p:cNvPr>
          <p:cNvSpPr/>
          <p:nvPr/>
        </p:nvSpPr>
        <p:spPr>
          <a:xfrm>
            <a:off x="2324675" y="3276600"/>
            <a:ext cx="1245839" cy="1502229"/>
          </a:xfrm>
          <a:custGeom>
            <a:avLst/>
            <a:gdLst>
              <a:gd name="connsiteX0" fmla="*/ 1245839 w 1245839"/>
              <a:gd name="connsiteY0" fmla="*/ 0 h 1502229"/>
              <a:gd name="connsiteX1" fmla="*/ 189925 w 1245839"/>
              <a:gd name="connsiteY1" fmla="*/ 457200 h 1502229"/>
              <a:gd name="connsiteX2" fmla="*/ 4868 w 1245839"/>
              <a:gd name="connsiteY2" fmla="*/ 1502229 h 150222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245839" h="1502229">
                <a:moveTo>
                  <a:pt x="1245839" y="0"/>
                </a:moveTo>
                <a:cubicBezTo>
                  <a:pt x="821296" y="103414"/>
                  <a:pt x="396754" y="206828"/>
                  <a:pt x="189925" y="457200"/>
                </a:cubicBezTo>
                <a:cubicBezTo>
                  <a:pt x="-16904" y="707572"/>
                  <a:pt x="-6018" y="1104900"/>
                  <a:pt x="4868" y="1502229"/>
                </a:cubicBezTo>
              </a:path>
            </a:pathLst>
          </a:custGeom>
          <a:noFill/>
          <a:ln w="76200">
            <a:solidFill>
              <a:srgbClr val="F89B23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27" name="Freeform: Shape 26">
            <a:extLst>
              <a:ext uri="{FF2B5EF4-FFF2-40B4-BE49-F238E27FC236}">
                <a16:creationId xmlns:a16="http://schemas.microsoft.com/office/drawing/2014/main" id="{212DE5CC-D487-2B30-CA98-360B7EB0267C}"/>
              </a:ext>
            </a:extLst>
          </p:cNvPr>
          <p:cNvSpPr/>
          <p:nvPr/>
        </p:nvSpPr>
        <p:spPr>
          <a:xfrm>
            <a:off x="4616067" y="4065224"/>
            <a:ext cx="3679634" cy="694063"/>
          </a:xfrm>
          <a:custGeom>
            <a:avLst/>
            <a:gdLst>
              <a:gd name="connsiteX0" fmla="*/ 0 w 3679634"/>
              <a:gd name="connsiteY0" fmla="*/ 0 h 694063"/>
              <a:gd name="connsiteX1" fmla="*/ 826266 w 3679634"/>
              <a:gd name="connsiteY1" fmla="*/ 352540 h 694063"/>
              <a:gd name="connsiteX2" fmla="*/ 3679634 w 3679634"/>
              <a:gd name="connsiteY2" fmla="*/ 694063 h 69406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679634" h="694063">
                <a:moveTo>
                  <a:pt x="0" y="0"/>
                </a:moveTo>
                <a:cubicBezTo>
                  <a:pt x="106497" y="118431"/>
                  <a:pt x="212994" y="236863"/>
                  <a:pt x="826266" y="352540"/>
                </a:cubicBezTo>
                <a:cubicBezTo>
                  <a:pt x="1439538" y="468217"/>
                  <a:pt x="2559586" y="581140"/>
                  <a:pt x="3679634" y="694063"/>
                </a:cubicBezTo>
              </a:path>
            </a:pathLst>
          </a:custGeom>
          <a:noFill/>
          <a:ln w="76200">
            <a:solidFill>
              <a:srgbClr val="00B050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540605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3" grpId="0" animBg="1"/>
      <p:bldP spid="27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F9EA7799-9205-AB55-A654-1C813E971E11}"/>
              </a:ext>
            </a:extLst>
          </p:cNvPr>
          <p:cNvSpPr txBox="1"/>
          <p:nvPr/>
        </p:nvSpPr>
        <p:spPr>
          <a:xfrm>
            <a:off x="385714" y="272655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Let’s write about the zoo.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763A289E-77A6-BCF9-1869-7F3FE670353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" t="5652" r="246" b="13087"/>
          <a:stretch>
            <a:fillRect/>
          </a:stretch>
        </p:blipFill>
        <p:spPr>
          <a:xfrm>
            <a:off x="3712153" y="1297774"/>
            <a:ext cx="4747016" cy="54459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7968423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EDABD25-D316-B1C9-29CB-CAF92282AB1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4F481370-A014-69EE-0D74-CEFC61C2941D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First, we think of a name for the zoo.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Here, the zoo is called ‘Happy Zoo’.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BBEDD723-9EBE-D249-5D45-491E1E4293B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51" b="451"/>
          <a:stretch/>
        </p:blipFill>
        <p:spPr>
          <a:xfrm>
            <a:off x="3712153" y="1297774"/>
            <a:ext cx="4747016" cy="5398861"/>
          </a:xfrm>
          <a:prstGeom prst="rect">
            <a:avLst/>
          </a:prstGeom>
        </p:spPr>
      </p:pic>
      <p:grpSp>
        <p:nvGrpSpPr>
          <p:cNvPr id="9" name="Group 8">
            <a:extLst>
              <a:ext uri="{FF2B5EF4-FFF2-40B4-BE49-F238E27FC236}">
                <a16:creationId xmlns:a16="http://schemas.microsoft.com/office/drawing/2014/main" id="{95BAD988-D763-BB7C-9288-87C1330965EB}"/>
              </a:ext>
            </a:extLst>
          </p:cNvPr>
          <p:cNvGrpSpPr/>
          <p:nvPr/>
        </p:nvGrpSpPr>
        <p:grpSpPr>
          <a:xfrm>
            <a:off x="881642" y="2010623"/>
            <a:ext cx="10428716" cy="2722906"/>
            <a:chOff x="881642" y="2010623"/>
            <a:chExt cx="10428716" cy="2722906"/>
          </a:xfrm>
        </p:grpSpPr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7DA5DB6B-AC15-AADF-F9BE-EA0640C3661C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99" t="149" r="-99" b="77819"/>
            <a:stretch>
              <a:fillRect/>
            </a:stretch>
          </p:blipFill>
          <p:spPr>
            <a:xfrm>
              <a:off x="881642" y="2010623"/>
              <a:ext cx="10428716" cy="2637004"/>
            </a:xfrm>
            <a:prstGeom prst="rect">
              <a:avLst/>
            </a:prstGeom>
          </p:spPr>
        </p:pic>
        <p:sp>
          <p:nvSpPr>
            <p:cNvPr id="5" name="Rectangle 4">
              <a:extLst>
                <a:ext uri="{FF2B5EF4-FFF2-40B4-BE49-F238E27FC236}">
                  <a16:creationId xmlns:a16="http://schemas.microsoft.com/office/drawing/2014/main" id="{6D046F29-EA7A-16C2-A9B0-595A1AE6F46F}"/>
                </a:ext>
              </a:extLst>
            </p:cNvPr>
            <p:cNvSpPr/>
            <p:nvPr/>
          </p:nvSpPr>
          <p:spPr>
            <a:xfrm>
              <a:off x="1123950" y="3647954"/>
              <a:ext cx="2755900" cy="1085575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  <p:cxnSp>
        <p:nvCxnSpPr>
          <p:cNvPr id="7" name="Straight Connector 6">
            <a:extLst>
              <a:ext uri="{FF2B5EF4-FFF2-40B4-BE49-F238E27FC236}">
                <a16:creationId xmlns:a16="http://schemas.microsoft.com/office/drawing/2014/main" id="{3D1E4198-D0ED-6BC5-44AD-BF658B141DA4}"/>
              </a:ext>
            </a:extLst>
          </p:cNvPr>
          <p:cNvCxnSpPr/>
          <p:nvPr/>
        </p:nvCxnSpPr>
        <p:spPr>
          <a:xfrm>
            <a:off x="2108200" y="3638550"/>
            <a:ext cx="0" cy="996377"/>
          </a:xfrm>
          <a:prstGeom prst="line">
            <a:avLst/>
          </a:prstGeom>
          <a:ln w="76200">
            <a:solidFill>
              <a:srgbClr val="F8ED1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3390096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A80FC2D-9386-5172-4924-9311D17882E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2E665692-538F-5FFE-D941-40C095F476FC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Use the information in the table to help you write. </a:t>
            </a:r>
          </a:p>
          <a:p>
            <a:pPr algn="ctr"/>
            <a:r>
              <a:rPr lang="en-HK" sz="3600" b="1" dirty="0">
                <a:solidFill>
                  <a:schemeClr val="bg1"/>
                </a:solidFill>
              </a:rPr>
              <a:t>You can also add your own idea about their body parts.</a:t>
            </a:r>
            <a:endParaRPr lang="en-US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F01200CA-8C0C-F95D-EA60-A8E53AD9B9B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8956"/>
          <a:stretch>
            <a:fillRect/>
          </a:stretch>
        </p:blipFill>
        <p:spPr>
          <a:xfrm>
            <a:off x="690883" y="1208576"/>
            <a:ext cx="10789556" cy="5082402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03113288-C66C-9E42-C987-C98CAADD438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845530" y="3917821"/>
            <a:ext cx="579120" cy="548640"/>
          </a:xfrm>
          <a:prstGeom prst="rect">
            <a:avLst/>
          </a:prstGeom>
        </p:spPr>
      </p:pic>
      <mc:AlternateContent xmlns:mc="http://schemas.openxmlformats.org/markup-compatibility/2006" xmlns:p14="http://schemas.microsoft.com/office/powerpoint/2010/main">
        <mc:Choice Requires="p14">
          <p:contentPart p14:bwMode="auto" r:id="rId7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29A52281-0353-1790-4357-AB5329139D98}"/>
                  </a:ext>
                </a:extLst>
              </p14:cNvPr>
              <p14:cNvContentPartPr/>
              <p14:nvPr/>
            </p14:nvContentPartPr>
            <p14:xfrm>
              <a:off x="2482040" y="5810343"/>
              <a:ext cx="2207160" cy="360"/>
            </p14:xfrm>
          </p:contentPart>
        </mc:Choice>
        <mc:Fallback xmlns=""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29A52281-0353-1790-4357-AB5329139D98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2392040" y="5630343"/>
                <a:ext cx="2386800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9785232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469B4D1-F348-A145-BD8A-7FA399647D1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9EEBE018-609C-2E64-CD4A-7E5E0C9A97C1}"/>
              </a:ext>
            </a:extLst>
          </p:cNvPr>
          <p:cNvSpPr txBox="1"/>
          <p:nvPr/>
        </p:nvSpPr>
        <p:spPr>
          <a:xfrm>
            <a:off x="385714" y="261638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Let’s finish the next part.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2399D6D7-3BA4-5332-7CE5-B26A046FE7D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51" b="451"/>
          <a:stretch/>
        </p:blipFill>
        <p:spPr>
          <a:xfrm>
            <a:off x="3712153" y="1297774"/>
            <a:ext cx="4747016" cy="539886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6219679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" name="Group 5">
            <a:extLst>
              <a:ext uri="{FF2B5EF4-FFF2-40B4-BE49-F238E27FC236}">
                <a16:creationId xmlns:a16="http://schemas.microsoft.com/office/drawing/2014/main" id="{509F53D9-9070-923A-EF10-D4366253BD89}"/>
              </a:ext>
            </a:extLst>
          </p:cNvPr>
          <p:cNvGrpSpPr/>
          <p:nvPr/>
        </p:nvGrpSpPr>
        <p:grpSpPr>
          <a:xfrm>
            <a:off x="2137114" y="1269142"/>
            <a:ext cx="7927889" cy="5588858"/>
            <a:chOff x="2137114" y="1269142"/>
            <a:chExt cx="7927889" cy="5588858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8E9C2D98-3B72-B46D-16AB-CCC09E77371E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2137114" y="1269242"/>
              <a:ext cx="3958886" cy="5588758"/>
            </a:xfrm>
            <a:prstGeom prst="rect">
              <a:avLst/>
            </a:prstGeom>
          </p:spPr>
        </p:pic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85F84900-F14F-A2CD-89ED-8C45DBB28F26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6103261" y="1269142"/>
              <a:ext cx="3961742" cy="5588759"/>
            </a:xfrm>
            <a:prstGeom prst="rect">
              <a:avLst/>
            </a:prstGeom>
          </p:spPr>
        </p:pic>
      </p:grpSp>
      <p:sp>
        <p:nvSpPr>
          <p:cNvPr id="7" name="TextBox 6">
            <a:extLst>
              <a:ext uri="{FF2B5EF4-FFF2-40B4-BE49-F238E27FC236}">
                <a16:creationId xmlns:a16="http://schemas.microsoft.com/office/drawing/2014/main" id="{41C60C3B-EFB8-133D-2CEA-1E80134C8BB4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In this chapter, we learnt about lots of animals. In this lesson, we will design a zoo and write about the animals!</a:t>
            </a:r>
            <a:endParaRPr lang="en-HK" sz="3600" b="1" dirty="0">
              <a:solidFill>
                <a:schemeClr val="bg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5910481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DBB655D-A914-8408-A98E-56372EFB75B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D040BCA8-B70C-A2E8-8EDB-1699CBFBB4AA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How many snakes are there?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Where are they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BF52F3C-6DAE-2CB1-D6F4-B73C576105A6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7136" t="38938" r="6036" b="42729"/>
          <a:stretch/>
        </p:blipFill>
        <p:spPr>
          <a:xfrm>
            <a:off x="2064149" y="3206391"/>
            <a:ext cx="8063702" cy="2380713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0B257795-D8C5-B0FC-39CF-3944496A874E}"/>
              </a:ext>
            </a:extLst>
          </p:cNvPr>
          <p:cNvGrpSpPr>
            <a:grpSpLocks noChangeAspect="1"/>
          </p:cNvGrpSpPr>
          <p:nvPr/>
        </p:nvGrpSpPr>
        <p:grpSpPr>
          <a:xfrm>
            <a:off x="2797142" y="1332346"/>
            <a:ext cx="6597716" cy="1371600"/>
            <a:chOff x="163235" y="1422937"/>
            <a:chExt cx="4697524" cy="976569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401AA717-1FB9-638B-FEC8-3A0B7B508A40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15041" r="15945" b="81177"/>
            <a:stretch/>
          </p:blipFill>
          <p:spPr>
            <a:xfrm>
              <a:off x="163235" y="1422937"/>
              <a:ext cx="4697524" cy="371488"/>
            </a:xfrm>
            <a:prstGeom prst="rect">
              <a:avLst/>
            </a:prstGeom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22C6D4F5-D69E-4AE5-2F1B-06E6F501FE22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24701" r="15945" b="69000"/>
            <a:stretch/>
          </p:blipFill>
          <p:spPr>
            <a:xfrm>
              <a:off x="163235" y="1780674"/>
              <a:ext cx="4697524" cy="618832"/>
            </a:xfrm>
            <a:prstGeom prst="rect">
              <a:avLst/>
            </a:prstGeom>
          </p:spPr>
        </p:pic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E229CA90-F2CA-1DE7-6262-E49368A3686B}"/>
              </a:ext>
            </a:extLst>
          </p:cNvPr>
          <p:cNvSpPr txBox="1"/>
          <p:nvPr/>
        </p:nvSpPr>
        <p:spPr>
          <a:xfrm>
            <a:off x="4603431" y="3321423"/>
            <a:ext cx="16457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16 / sixteen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0CA433A-E4B8-497B-5E0D-69BC7586B011}"/>
              </a:ext>
            </a:extLst>
          </p:cNvPr>
          <p:cNvSpPr txBox="1"/>
          <p:nvPr/>
        </p:nvSpPr>
        <p:spPr>
          <a:xfrm>
            <a:off x="4575931" y="3783088"/>
            <a:ext cx="247801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under the tree.</a:t>
            </a:r>
            <a:endParaRPr lang="en-HK" sz="2400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677642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10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E1A1BB3-F5E3-C34D-E671-E0ECA5B29AD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7E5571DD-2B3F-C985-E7EE-5253B250E16C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hat </a:t>
            </a:r>
            <a:r>
              <a:rPr lang="en-US" sz="3600" b="1" dirty="0" err="1">
                <a:solidFill>
                  <a:schemeClr val="bg1"/>
                </a:solidFill>
              </a:rPr>
              <a:t>colour</a:t>
            </a:r>
            <a:r>
              <a:rPr lang="en-US" sz="3600" b="1" dirty="0">
                <a:solidFill>
                  <a:schemeClr val="bg1"/>
                </a:solidFill>
              </a:rPr>
              <a:t> are they?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Do we use ‘are’ or ‘have’ after ‘They’ here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7FE323E5-81E9-7EF0-B009-1B3A2FF63C5C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7136" t="38938" r="6036" b="42729"/>
          <a:stretch/>
        </p:blipFill>
        <p:spPr>
          <a:xfrm>
            <a:off x="2064149" y="3206391"/>
            <a:ext cx="8063702" cy="2380713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111C0B63-CD19-8253-A560-34A7D03EA501}"/>
              </a:ext>
            </a:extLst>
          </p:cNvPr>
          <p:cNvGrpSpPr>
            <a:grpSpLocks noChangeAspect="1"/>
          </p:cNvGrpSpPr>
          <p:nvPr/>
        </p:nvGrpSpPr>
        <p:grpSpPr>
          <a:xfrm>
            <a:off x="2797142" y="1332346"/>
            <a:ext cx="6597716" cy="1371600"/>
            <a:chOff x="163235" y="1422937"/>
            <a:chExt cx="4697524" cy="976569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05BC8B4A-4684-324B-74CF-A79F60BB0ADD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15041" r="15945" b="81177"/>
            <a:stretch/>
          </p:blipFill>
          <p:spPr>
            <a:xfrm>
              <a:off x="163235" y="1422937"/>
              <a:ext cx="4697524" cy="371488"/>
            </a:xfrm>
            <a:prstGeom prst="rect">
              <a:avLst/>
            </a:prstGeom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2823F6C4-2399-E995-7853-E02E7601F81A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24701" r="15945" b="69000"/>
            <a:stretch/>
          </p:blipFill>
          <p:spPr>
            <a:xfrm>
              <a:off x="163235" y="1780674"/>
              <a:ext cx="4697524" cy="618832"/>
            </a:xfrm>
            <a:prstGeom prst="rect">
              <a:avLst/>
            </a:prstGeom>
          </p:spPr>
        </p:pic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26080C5D-DE30-6E6E-8D51-BA8B5D9B8C37}"/>
              </a:ext>
            </a:extLst>
          </p:cNvPr>
          <p:cNvSpPr txBox="1"/>
          <p:nvPr/>
        </p:nvSpPr>
        <p:spPr>
          <a:xfrm>
            <a:off x="4603431" y="3321423"/>
            <a:ext cx="16457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16 / sixteen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2825948A-B4AB-9611-F014-D93FCA321878}"/>
              </a:ext>
            </a:extLst>
          </p:cNvPr>
          <p:cNvSpPr txBox="1"/>
          <p:nvPr/>
        </p:nvSpPr>
        <p:spPr>
          <a:xfrm>
            <a:off x="4575931" y="3783088"/>
            <a:ext cx="247801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under the tree.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DA5EFD9E-8E17-95F7-2AF0-FB804773C828}"/>
              </a:ext>
            </a:extLst>
          </p:cNvPr>
          <p:cNvSpPr txBox="1"/>
          <p:nvPr/>
        </p:nvSpPr>
        <p:spPr>
          <a:xfrm>
            <a:off x="4187309" y="4165914"/>
            <a:ext cx="286663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are green.</a:t>
            </a:r>
            <a:endParaRPr lang="en-HK" sz="2400" dirty="0">
              <a:solidFill>
                <a:srgbClr val="FF0000"/>
              </a:solidFill>
            </a:endParaRP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6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C79EBF85-A178-7D9A-AD3A-4D35D7A8A738}"/>
                  </a:ext>
                </a:extLst>
              </p14:cNvPr>
              <p14:cNvContentPartPr/>
              <p14:nvPr/>
            </p14:nvContentPartPr>
            <p14:xfrm>
              <a:off x="3746720" y="4462503"/>
              <a:ext cx="383760" cy="360"/>
            </p14:xfrm>
          </p:contentPart>
        </mc:Choice>
        <mc:Fallback xmlns=""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C79EBF85-A178-7D9A-AD3A-4D35D7A8A738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656804" y="4282503"/>
                <a:ext cx="563232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1766535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9D9E564-373A-8CE5-9BE6-EC8D52C1AE3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F34DD240-CABB-2386-58C0-049E173E3DAA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Do we use ‘it’ or ‘they’ to start the last sentence?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Do we use ‘are’ or ‘have’ to talk about body parts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69636E3-5957-346B-2793-8119A8C6BD55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7136" t="38938" r="6036" b="42729"/>
          <a:stretch/>
        </p:blipFill>
        <p:spPr>
          <a:xfrm>
            <a:off x="2064149" y="3206391"/>
            <a:ext cx="8063702" cy="2380713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8F4C583B-B12D-D8E4-0506-B8E5D2BEBFCC}"/>
              </a:ext>
            </a:extLst>
          </p:cNvPr>
          <p:cNvGrpSpPr>
            <a:grpSpLocks noChangeAspect="1"/>
          </p:cNvGrpSpPr>
          <p:nvPr/>
        </p:nvGrpSpPr>
        <p:grpSpPr>
          <a:xfrm>
            <a:off x="2797142" y="1332346"/>
            <a:ext cx="6597716" cy="1371600"/>
            <a:chOff x="163235" y="1422937"/>
            <a:chExt cx="4697524" cy="976569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A4A1F52E-FFC3-97C0-FE1E-01FC03097BE8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15041" r="15945" b="81177"/>
            <a:stretch/>
          </p:blipFill>
          <p:spPr>
            <a:xfrm>
              <a:off x="163235" y="1422937"/>
              <a:ext cx="4697524" cy="371488"/>
            </a:xfrm>
            <a:prstGeom prst="rect">
              <a:avLst/>
            </a:prstGeom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BC35CFCD-DDAB-0699-31A6-89001F0780D4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24701" r="15945" b="69000"/>
            <a:stretch/>
          </p:blipFill>
          <p:spPr>
            <a:xfrm>
              <a:off x="163235" y="1780674"/>
              <a:ext cx="4697524" cy="618832"/>
            </a:xfrm>
            <a:prstGeom prst="rect">
              <a:avLst/>
            </a:prstGeom>
          </p:spPr>
        </p:pic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B0295711-13D0-5EE1-C532-D92B3A22ABE2}"/>
              </a:ext>
            </a:extLst>
          </p:cNvPr>
          <p:cNvSpPr txBox="1"/>
          <p:nvPr/>
        </p:nvSpPr>
        <p:spPr>
          <a:xfrm>
            <a:off x="4603431" y="3321423"/>
            <a:ext cx="16457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16 / sixteen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1DFE088B-F81C-6A91-BC48-9AA93B84B358}"/>
              </a:ext>
            </a:extLst>
          </p:cNvPr>
          <p:cNvSpPr txBox="1"/>
          <p:nvPr/>
        </p:nvSpPr>
        <p:spPr>
          <a:xfrm>
            <a:off x="4575931" y="3783088"/>
            <a:ext cx="247801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under the tree.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8725851D-3EA7-4E1D-FAFE-E960AEE719D0}"/>
              </a:ext>
            </a:extLst>
          </p:cNvPr>
          <p:cNvSpPr txBox="1"/>
          <p:nvPr/>
        </p:nvSpPr>
        <p:spPr>
          <a:xfrm>
            <a:off x="4187309" y="4165914"/>
            <a:ext cx="286663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are green.</a:t>
            </a:r>
            <a:endParaRPr lang="en-HK" sz="2400" dirty="0">
              <a:solidFill>
                <a:srgbClr val="FF0000"/>
              </a:solidFill>
            </a:endParaRP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6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38616C52-1BDC-6270-4102-E4E276849F51}"/>
                  </a:ext>
                </a:extLst>
              </p14:cNvPr>
              <p14:cNvContentPartPr/>
              <p14:nvPr/>
            </p14:nvContentPartPr>
            <p14:xfrm>
              <a:off x="3739844" y="4943766"/>
              <a:ext cx="3437851" cy="360"/>
            </p14:xfrm>
          </p:contentPart>
        </mc:Choice>
        <mc:Fallback xmlns=""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38616C52-1BDC-6270-4102-E4E276849F51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649857" y="4763766"/>
                <a:ext cx="3617464" cy="360000"/>
              </a:xfrm>
              <a:prstGeom prst="rect">
                <a:avLst/>
              </a:prstGeom>
            </p:spPr>
          </p:pic>
        </mc:Fallback>
      </mc:AlternateContent>
      <p:pic>
        <p:nvPicPr>
          <p:cNvPr id="11" name="Picture 10">
            <a:extLst>
              <a:ext uri="{FF2B5EF4-FFF2-40B4-BE49-F238E27FC236}">
                <a16:creationId xmlns:a16="http://schemas.microsoft.com/office/drawing/2014/main" id="{8274F39D-019A-F94B-6ECC-0668E3BDDE45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9229" t="78812" r="41027" b="3620"/>
          <a:stretch/>
        </p:blipFill>
        <p:spPr>
          <a:xfrm>
            <a:off x="7461722" y="5034356"/>
            <a:ext cx="3428436" cy="17093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43032063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332C3A6-CD95-823F-71F6-B47567AE612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16142B3-0CEC-0796-4AEF-73553E6E1D93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Look at the picture. 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Are the tongues long or short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13" name="Picture 12">
            <a:extLst>
              <a:ext uri="{FF2B5EF4-FFF2-40B4-BE49-F238E27FC236}">
                <a16:creationId xmlns:a16="http://schemas.microsoft.com/office/drawing/2014/main" id="{9E67D69D-84B9-A4ED-3629-291635A2B21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83679" y="1530316"/>
            <a:ext cx="7624642" cy="46157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50616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BCB8227-C81C-E988-991D-C2D3C031192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DD3D8641-4CDE-BE55-8475-52FFD4DE953A}"/>
              </a:ext>
            </a:extLst>
          </p:cNvPr>
          <p:cNvSpPr txBox="1"/>
          <p:nvPr/>
        </p:nvSpPr>
        <p:spPr>
          <a:xfrm>
            <a:off x="396052" y="267180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Let’s complete the last sentence.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01963A9-4882-0F27-68E0-53AA79CAABB0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7136" t="38938" r="6036" b="42729"/>
          <a:stretch/>
        </p:blipFill>
        <p:spPr>
          <a:xfrm>
            <a:off x="2064149" y="3206391"/>
            <a:ext cx="8063702" cy="2380713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24158B0A-5187-8057-E4B0-38302B9B741A}"/>
              </a:ext>
            </a:extLst>
          </p:cNvPr>
          <p:cNvGrpSpPr>
            <a:grpSpLocks noChangeAspect="1"/>
          </p:cNvGrpSpPr>
          <p:nvPr/>
        </p:nvGrpSpPr>
        <p:grpSpPr>
          <a:xfrm>
            <a:off x="2797142" y="1332346"/>
            <a:ext cx="6597716" cy="1371600"/>
            <a:chOff x="163235" y="1422937"/>
            <a:chExt cx="4697524" cy="976569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B385DFEA-D613-08DF-ECDD-49D4F2177E20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15041" r="15945" b="81177"/>
            <a:stretch/>
          </p:blipFill>
          <p:spPr>
            <a:xfrm>
              <a:off x="163235" y="1422937"/>
              <a:ext cx="4697524" cy="371488"/>
            </a:xfrm>
            <a:prstGeom prst="rect">
              <a:avLst/>
            </a:prstGeom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18CCA0B1-152F-2044-6979-9850B3E6ED0A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24701" r="15945" b="69000"/>
            <a:stretch/>
          </p:blipFill>
          <p:spPr>
            <a:xfrm>
              <a:off x="163235" y="1780674"/>
              <a:ext cx="4697524" cy="618832"/>
            </a:xfrm>
            <a:prstGeom prst="rect">
              <a:avLst/>
            </a:prstGeom>
          </p:spPr>
        </p:pic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0F18C2B0-1038-1C97-1279-A730B9283B56}"/>
              </a:ext>
            </a:extLst>
          </p:cNvPr>
          <p:cNvSpPr txBox="1"/>
          <p:nvPr/>
        </p:nvSpPr>
        <p:spPr>
          <a:xfrm>
            <a:off x="4603431" y="3321423"/>
            <a:ext cx="16457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16 / sixteen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70E703B-35E7-3290-93D6-39A23AACB562}"/>
              </a:ext>
            </a:extLst>
          </p:cNvPr>
          <p:cNvSpPr txBox="1"/>
          <p:nvPr/>
        </p:nvSpPr>
        <p:spPr>
          <a:xfrm>
            <a:off x="4575931" y="3783088"/>
            <a:ext cx="247801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under the tree.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B326F6BD-3CD2-E5FD-9086-81E21671F3C6}"/>
              </a:ext>
            </a:extLst>
          </p:cNvPr>
          <p:cNvSpPr txBox="1"/>
          <p:nvPr/>
        </p:nvSpPr>
        <p:spPr>
          <a:xfrm>
            <a:off x="4187309" y="4165914"/>
            <a:ext cx="286663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are green.</a:t>
            </a:r>
            <a:endParaRPr lang="en-HK" sz="2400" dirty="0">
              <a:solidFill>
                <a:srgbClr val="FF0000"/>
              </a:solidFill>
            </a:endParaRP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6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04AF38ED-22C7-CD89-F716-B8DFBE393F55}"/>
                  </a:ext>
                </a:extLst>
              </p14:cNvPr>
              <p14:cNvContentPartPr/>
              <p14:nvPr/>
            </p14:nvContentPartPr>
            <p14:xfrm>
              <a:off x="3739844" y="4943766"/>
              <a:ext cx="3437851" cy="360"/>
            </p14:xfrm>
          </p:contentPart>
        </mc:Choice>
        <mc:Fallback xmlns=""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04AF38ED-22C7-CD89-F716-B8DFBE393F55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649857" y="4763766"/>
                <a:ext cx="3617464" cy="360000"/>
              </a:xfrm>
              <a:prstGeom prst="rect">
                <a:avLst/>
              </a:prstGeom>
            </p:spPr>
          </p:pic>
        </mc:Fallback>
      </mc:AlternateContent>
      <p:pic>
        <p:nvPicPr>
          <p:cNvPr id="11" name="Picture 10">
            <a:extLst>
              <a:ext uri="{FF2B5EF4-FFF2-40B4-BE49-F238E27FC236}">
                <a16:creationId xmlns:a16="http://schemas.microsoft.com/office/drawing/2014/main" id="{EB06F767-393E-0099-8B9C-1E18FE0FE4A2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9229" t="78812" r="41027" b="3620"/>
          <a:stretch/>
        </p:blipFill>
        <p:spPr>
          <a:xfrm>
            <a:off x="7461722" y="5034356"/>
            <a:ext cx="3428436" cy="1709344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4239F4AA-676E-9AB4-6CC3-99C7510FCE99}"/>
              </a:ext>
            </a:extLst>
          </p:cNvPr>
          <p:cNvSpPr txBox="1"/>
          <p:nvPr/>
        </p:nvSpPr>
        <p:spPr>
          <a:xfrm>
            <a:off x="3664475" y="4668359"/>
            <a:ext cx="250256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FF0000"/>
                </a:solidFill>
              </a:rPr>
              <a:t>They have long</a:t>
            </a:r>
            <a:endParaRPr lang="en-HK" sz="2400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52451848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D5429A8-CA40-855F-32DA-5036EFA479F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B15F14A6-6E8B-122A-A92D-2D15B0250796}"/>
              </a:ext>
            </a:extLst>
          </p:cNvPr>
          <p:cNvSpPr txBox="1"/>
          <p:nvPr/>
        </p:nvSpPr>
        <p:spPr>
          <a:xfrm>
            <a:off x="1358543" y="8247"/>
            <a:ext cx="945423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Now let’s complete the descriptions of the giraffes and elephants.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E67E7C01-F56A-EFF5-4D4B-6D4DB6BC63F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51" b="451"/>
          <a:stretch/>
        </p:blipFill>
        <p:spPr>
          <a:xfrm>
            <a:off x="3712153" y="1297774"/>
            <a:ext cx="4747016" cy="539886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66220989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0D346DE-9319-2D5A-5402-403235DE425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24090296-28EC-017B-C4EA-6C2380012074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How many giraffes are there?</a:t>
            </a:r>
            <a:br>
              <a:rPr lang="en-US" sz="3600" b="1" dirty="0">
                <a:solidFill>
                  <a:schemeClr val="bg1"/>
                </a:solidFill>
              </a:rPr>
            </a:br>
            <a:r>
              <a:rPr lang="en-US" sz="3600" b="1" dirty="0">
                <a:solidFill>
                  <a:schemeClr val="bg1"/>
                </a:solidFill>
              </a:rPr>
              <a:t>Where are they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98C6F32C-CE07-2B8F-6FDA-F96A4C865713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8209" t="55662" r="4963" b="28051"/>
          <a:stretch/>
        </p:blipFill>
        <p:spPr>
          <a:xfrm>
            <a:off x="1553968" y="3496176"/>
            <a:ext cx="9226151" cy="2419791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05C29A17-2A35-364F-C9B0-17030FA5B0F9}"/>
              </a:ext>
            </a:extLst>
          </p:cNvPr>
          <p:cNvGrpSpPr>
            <a:grpSpLocks noChangeAspect="1"/>
          </p:cNvGrpSpPr>
          <p:nvPr/>
        </p:nvGrpSpPr>
        <p:grpSpPr>
          <a:xfrm>
            <a:off x="359267" y="1496935"/>
            <a:ext cx="6610416" cy="1359950"/>
            <a:chOff x="154193" y="1422937"/>
            <a:chExt cx="4706566" cy="968275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29D33F52-80C6-222B-9701-0F22FA21D50E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15041" r="15945" b="81177"/>
            <a:stretch/>
          </p:blipFill>
          <p:spPr>
            <a:xfrm>
              <a:off x="163235" y="1422937"/>
              <a:ext cx="4697524" cy="371488"/>
            </a:xfrm>
            <a:prstGeom prst="rect">
              <a:avLst/>
            </a:prstGeom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4DCFE54A-9496-33CD-2D5E-BCECF965CA69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351" t="30776" r="16139" b="62925"/>
            <a:stretch/>
          </p:blipFill>
          <p:spPr>
            <a:xfrm>
              <a:off x="154193" y="1772380"/>
              <a:ext cx="4697524" cy="618832"/>
            </a:xfrm>
            <a:prstGeom prst="rect">
              <a:avLst/>
            </a:prstGeom>
          </p:spPr>
        </p:pic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94E77EC9-51CF-A8D9-6F9F-854CEBC01636}"/>
              </a:ext>
            </a:extLst>
          </p:cNvPr>
          <p:cNvSpPr txBox="1"/>
          <p:nvPr/>
        </p:nvSpPr>
        <p:spPr>
          <a:xfrm>
            <a:off x="5746431" y="3496176"/>
            <a:ext cx="445166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re are 14 / fourteen giraffes.</a:t>
            </a:r>
            <a:endParaRPr lang="en-HK" sz="2400" dirty="0">
              <a:solidFill>
                <a:srgbClr val="FF0000"/>
              </a:solidFill>
            </a:endParaRPr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7DD9E57F-1EA4-EC75-C3E6-C5C5ED3A2BB0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9229" t="78812" r="41027" b="3620"/>
          <a:stretch/>
        </p:blipFill>
        <p:spPr>
          <a:xfrm>
            <a:off x="8019014" y="1349188"/>
            <a:ext cx="3428436" cy="1709344"/>
          </a:xfrm>
          <a:prstGeom prst="rect">
            <a:avLst/>
          </a:prstGeom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EF7635BE-9481-2A77-667C-A304705F87F2}"/>
              </a:ext>
            </a:extLst>
          </p:cNvPr>
          <p:cNvSpPr txBox="1"/>
          <p:nvPr/>
        </p:nvSpPr>
        <p:spPr>
          <a:xfrm>
            <a:off x="5746430" y="3968855"/>
            <a:ext cx="445166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y are near the rocks.</a:t>
            </a:r>
            <a:endParaRPr lang="en-HK" sz="2400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728002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13" grpId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EC90199-C463-1670-53ED-9A317196AE8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0E070A82-ACCB-989A-AD4F-7BF841F66E94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hat </a:t>
            </a:r>
            <a:r>
              <a:rPr lang="en-US" sz="3600" b="1" dirty="0" err="1">
                <a:solidFill>
                  <a:schemeClr val="bg1"/>
                </a:solidFill>
              </a:rPr>
              <a:t>colours</a:t>
            </a:r>
            <a:r>
              <a:rPr lang="en-US" sz="3600" b="1" dirty="0">
                <a:solidFill>
                  <a:schemeClr val="bg1"/>
                </a:solidFill>
              </a:rPr>
              <a:t> are they?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What is special about their body parts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C210DD59-79DE-8ABB-94C4-569D8A59178A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8209" t="55662" r="4963" b="28051"/>
          <a:stretch/>
        </p:blipFill>
        <p:spPr>
          <a:xfrm>
            <a:off x="1553968" y="3496176"/>
            <a:ext cx="9226151" cy="2419791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E7F4B794-1FD1-583B-3AA5-E44ED7F860A1}"/>
              </a:ext>
            </a:extLst>
          </p:cNvPr>
          <p:cNvGrpSpPr>
            <a:grpSpLocks noChangeAspect="1"/>
          </p:cNvGrpSpPr>
          <p:nvPr/>
        </p:nvGrpSpPr>
        <p:grpSpPr>
          <a:xfrm>
            <a:off x="359267" y="1496935"/>
            <a:ext cx="6610416" cy="1359950"/>
            <a:chOff x="154193" y="1422937"/>
            <a:chExt cx="4706566" cy="968275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8E43A8B5-B3B6-B767-30FA-5F1D8FC6EFE5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15041" r="15945" b="81177"/>
            <a:stretch/>
          </p:blipFill>
          <p:spPr>
            <a:xfrm>
              <a:off x="163235" y="1422937"/>
              <a:ext cx="4697524" cy="371488"/>
            </a:xfrm>
            <a:prstGeom prst="rect">
              <a:avLst/>
            </a:prstGeom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3A5163A4-DC67-E9EF-AF18-2065366ECCA7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351" t="30776" r="16139" b="62925"/>
            <a:stretch/>
          </p:blipFill>
          <p:spPr>
            <a:xfrm>
              <a:off x="154193" y="1772380"/>
              <a:ext cx="4697524" cy="618832"/>
            </a:xfrm>
            <a:prstGeom prst="rect">
              <a:avLst/>
            </a:prstGeom>
          </p:spPr>
        </p:pic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949E28A3-66CA-5F88-0CF7-C6E26582D05D}"/>
              </a:ext>
            </a:extLst>
          </p:cNvPr>
          <p:cNvSpPr txBox="1"/>
          <p:nvPr/>
        </p:nvSpPr>
        <p:spPr>
          <a:xfrm>
            <a:off x="5746431" y="3496176"/>
            <a:ext cx="445166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re are 14 / fourteen giraffes.</a:t>
            </a:r>
            <a:endParaRPr lang="en-HK" sz="2400" dirty="0">
              <a:solidFill>
                <a:srgbClr val="FF0000"/>
              </a:solidFill>
            </a:endParaRPr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9C34DA13-3B31-CBA5-C46A-3CC73EF5771F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9229" t="78812" r="41027" b="3620"/>
          <a:stretch/>
        </p:blipFill>
        <p:spPr>
          <a:xfrm>
            <a:off x="8039184" y="1322294"/>
            <a:ext cx="3428436" cy="1709344"/>
          </a:xfrm>
          <a:prstGeom prst="rect">
            <a:avLst/>
          </a:prstGeom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B821DC32-745B-CE8B-9C77-7437E6265CD8}"/>
              </a:ext>
            </a:extLst>
          </p:cNvPr>
          <p:cNvSpPr txBox="1"/>
          <p:nvPr/>
        </p:nvSpPr>
        <p:spPr>
          <a:xfrm>
            <a:off x="5760813" y="3968855"/>
            <a:ext cx="445166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y are near the rocks.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649080AF-4728-65B4-AD7E-692F04ACF562}"/>
              </a:ext>
            </a:extLst>
          </p:cNvPr>
          <p:cNvSpPr txBox="1"/>
          <p:nvPr/>
        </p:nvSpPr>
        <p:spPr>
          <a:xfrm>
            <a:off x="5771829" y="4479268"/>
            <a:ext cx="4778451" cy="830997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y are yellow and brown. / They are brown and yellow.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4D249E8B-FC37-34E6-86D3-0996B9FF031B}"/>
              </a:ext>
            </a:extLst>
          </p:cNvPr>
          <p:cNvSpPr txBox="1"/>
          <p:nvPr/>
        </p:nvSpPr>
        <p:spPr>
          <a:xfrm>
            <a:off x="5771829" y="5289109"/>
            <a:ext cx="4866203" cy="1569660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y have long necks. / They have long legs. / They have long tails. / They have small ears. / They have small eyes.</a:t>
            </a:r>
            <a:endParaRPr lang="en-HK" sz="2400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81923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D83E8A5-F344-7FD9-2EEC-3806B00422A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A290AC50-ADA6-0714-8C8D-F65AD1C51C2E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How many elephants are there?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Where are they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FE4AE6EC-7E91-8476-F0CB-A347D2FF4D03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7808" t="71039" r="5364" b="12674"/>
          <a:stretch/>
        </p:blipFill>
        <p:spPr>
          <a:xfrm>
            <a:off x="1553968" y="3496176"/>
            <a:ext cx="9226151" cy="2419791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8814386F-7857-D671-4431-AE10146302B4}"/>
              </a:ext>
            </a:extLst>
          </p:cNvPr>
          <p:cNvGrpSpPr>
            <a:grpSpLocks noChangeAspect="1"/>
          </p:cNvGrpSpPr>
          <p:nvPr/>
        </p:nvGrpSpPr>
        <p:grpSpPr>
          <a:xfrm>
            <a:off x="371967" y="1496936"/>
            <a:ext cx="6597716" cy="1372650"/>
            <a:chOff x="163235" y="1422937"/>
            <a:chExt cx="4697524" cy="977317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8D528BEC-8231-9B07-C1C7-14FA04DB781D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15041" r="15945" b="81177"/>
            <a:stretch/>
          </p:blipFill>
          <p:spPr>
            <a:xfrm>
              <a:off x="163235" y="1422937"/>
              <a:ext cx="4697524" cy="371488"/>
            </a:xfrm>
            <a:prstGeom prst="rect">
              <a:avLst/>
            </a:prstGeom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FD8B71B3-532F-5BDD-ECF6-D6C7BA7E89B5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86" t="36951" r="15904" b="56750"/>
            <a:stretch/>
          </p:blipFill>
          <p:spPr>
            <a:xfrm>
              <a:off x="163235" y="1781422"/>
              <a:ext cx="4697524" cy="618832"/>
            </a:xfrm>
            <a:prstGeom prst="rect">
              <a:avLst/>
            </a:prstGeom>
          </p:spPr>
        </p:pic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1113EEEC-9D8C-164D-FF09-1B90DA689DEC}"/>
              </a:ext>
            </a:extLst>
          </p:cNvPr>
          <p:cNvSpPr txBox="1"/>
          <p:nvPr/>
        </p:nvSpPr>
        <p:spPr>
          <a:xfrm>
            <a:off x="5746431" y="3546976"/>
            <a:ext cx="445166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re are 11 / eleven elephants.</a:t>
            </a:r>
            <a:endParaRPr lang="en-HK" sz="2400" dirty="0">
              <a:solidFill>
                <a:srgbClr val="FF0000"/>
              </a:solidFill>
            </a:endParaRPr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5BB87CEF-18ED-C27C-83D8-0F1465ACD386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9229" t="78812" r="41027" b="3620"/>
          <a:stretch/>
        </p:blipFill>
        <p:spPr>
          <a:xfrm>
            <a:off x="8039184" y="1322294"/>
            <a:ext cx="3428436" cy="1709344"/>
          </a:xfrm>
          <a:prstGeom prst="rect">
            <a:avLst/>
          </a:prstGeom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8F800C56-3AD0-BC10-E39C-D28C32BEDBB2}"/>
              </a:ext>
            </a:extLst>
          </p:cNvPr>
          <p:cNvSpPr txBox="1"/>
          <p:nvPr/>
        </p:nvSpPr>
        <p:spPr>
          <a:xfrm>
            <a:off x="5746430" y="4045055"/>
            <a:ext cx="5721190" cy="830997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re are five elephants in the pond.</a:t>
            </a:r>
          </a:p>
          <a:p>
            <a:r>
              <a:rPr lang="en-US" sz="2400" dirty="0">
                <a:solidFill>
                  <a:srgbClr val="FF0000"/>
                </a:solidFill>
              </a:rPr>
              <a:t>There are six elephants near the pond.</a:t>
            </a:r>
            <a:endParaRPr lang="en-HK" sz="2400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2703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13" grpId="0" animBg="1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707BEF2-F73A-622E-8E2A-DD92325BC87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D875D1BF-6DB4-744E-3D5C-4F016418F013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hat </a:t>
            </a:r>
            <a:r>
              <a:rPr lang="en-US" sz="3600" b="1" dirty="0" err="1">
                <a:solidFill>
                  <a:schemeClr val="bg1"/>
                </a:solidFill>
              </a:rPr>
              <a:t>colours</a:t>
            </a:r>
            <a:r>
              <a:rPr lang="en-US" sz="3600" b="1" dirty="0">
                <a:solidFill>
                  <a:schemeClr val="bg1"/>
                </a:solidFill>
              </a:rPr>
              <a:t> are they?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What is special about their body parts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2DF0043D-D705-7219-BEC8-07014A1A118F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7808" t="71039" r="5364" b="12674"/>
          <a:stretch/>
        </p:blipFill>
        <p:spPr>
          <a:xfrm>
            <a:off x="1553968" y="3496176"/>
            <a:ext cx="9226151" cy="2419791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197552BA-73C7-69AC-E51E-E9C9A807600E}"/>
              </a:ext>
            </a:extLst>
          </p:cNvPr>
          <p:cNvGrpSpPr>
            <a:grpSpLocks noChangeAspect="1"/>
          </p:cNvGrpSpPr>
          <p:nvPr/>
        </p:nvGrpSpPr>
        <p:grpSpPr>
          <a:xfrm>
            <a:off x="371967" y="1496936"/>
            <a:ext cx="6597716" cy="1372650"/>
            <a:chOff x="163235" y="1422937"/>
            <a:chExt cx="4697524" cy="977317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F5C4E544-FDF1-4027-C6C2-CE001033396C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46" t="15041" r="15945" b="81177"/>
            <a:stretch/>
          </p:blipFill>
          <p:spPr>
            <a:xfrm>
              <a:off x="163235" y="1422937"/>
              <a:ext cx="4697524" cy="371488"/>
            </a:xfrm>
            <a:prstGeom prst="rect">
              <a:avLst/>
            </a:prstGeom>
          </p:spPr>
        </p:pic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622B0FF8-3B33-0E52-0681-24770C2FE895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6586" t="36951" r="15904" b="56750"/>
            <a:stretch/>
          </p:blipFill>
          <p:spPr>
            <a:xfrm>
              <a:off x="163235" y="1781422"/>
              <a:ext cx="4697524" cy="618832"/>
            </a:xfrm>
            <a:prstGeom prst="rect">
              <a:avLst/>
            </a:prstGeom>
          </p:spPr>
        </p:pic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A7FD5D8A-17D4-07E8-1D8D-179F99BF3897}"/>
              </a:ext>
            </a:extLst>
          </p:cNvPr>
          <p:cNvSpPr txBox="1"/>
          <p:nvPr/>
        </p:nvSpPr>
        <p:spPr>
          <a:xfrm>
            <a:off x="5746431" y="3546976"/>
            <a:ext cx="445166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re are 11 / eleven elephants.</a:t>
            </a:r>
            <a:endParaRPr lang="en-HK" sz="2400" dirty="0">
              <a:solidFill>
                <a:srgbClr val="FF0000"/>
              </a:solidFill>
            </a:endParaRPr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5C0B7472-4C8A-2940-423E-AA4F49881567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9229" t="78812" r="41027" b="3620"/>
          <a:stretch/>
        </p:blipFill>
        <p:spPr>
          <a:xfrm>
            <a:off x="8039184" y="1322294"/>
            <a:ext cx="3428436" cy="1709344"/>
          </a:xfrm>
          <a:prstGeom prst="rect">
            <a:avLst/>
          </a:prstGeom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DD49724D-FB84-5FA6-5760-D2B6DA4F24E0}"/>
              </a:ext>
            </a:extLst>
          </p:cNvPr>
          <p:cNvSpPr txBox="1"/>
          <p:nvPr/>
        </p:nvSpPr>
        <p:spPr>
          <a:xfrm>
            <a:off x="5746430" y="4045055"/>
            <a:ext cx="5721190" cy="830997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re are five elephants in the pond.</a:t>
            </a:r>
          </a:p>
          <a:p>
            <a:r>
              <a:rPr lang="en-US" sz="2400" dirty="0">
                <a:solidFill>
                  <a:srgbClr val="FF0000"/>
                </a:solidFill>
              </a:rPr>
              <a:t>There are six elephants near the pond.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1F4A07B-3987-9E03-F9DE-7BC8CD495381}"/>
              </a:ext>
            </a:extLst>
          </p:cNvPr>
          <p:cNvSpPr txBox="1"/>
          <p:nvPr/>
        </p:nvSpPr>
        <p:spPr>
          <a:xfrm>
            <a:off x="5746430" y="4866857"/>
            <a:ext cx="4540570" cy="461665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y are grey.</a:t>
            </a:r>
            <a:endParaRPr lang="en-HK" sz="2400" dirty="0">
              <a:solidFill>
                <a:srgbClr val="FF0000"/>
              </a:solidFill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D9F4ED83-C844-A902-D9E7-9FD22C219A31}"/>
              </a:ext>
            </a:extLst>
          </p:cNvPr>
          <p:cNvSpPr txBox="1"/>
          <p:nvPr/>
        </p:nvSpPr>
        <p:spPr>
          <a:xfrm>
            <a:off x="5768899" y="5361064"/>
            <a:ext cx="4540570" cy="1200329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</a:rPr>
              <a:t>They have big ears. / They have long trunks. / They have long teeth. / They have big legs.</a:t>
            </a:r>
            <a:endParaRPr lang="en-HK" sz="2400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619010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774E9C7-D25E-34A6-D77C-E987DA3BBE9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" name="Group 5">
            <a:extLst>
              <a:ext uri="{FF2B5EF4-FFF2-40B4-BE49-F238E27FC236}">
                <a16:creationId xmlns:a16="http://schemas.microsoft.com/office/drawing/2014/main" id="{6D61ADAE-16C9-811D-D327-0A36CEE997B6}"/>
              </a:ext>
            </a:extLst>
          </p:cNvPr>
          <p:cNvGrpSpPr/>
          <p:nvPr/>
        </p:nvGrpSpPr>
        <p:grpSpPr>
          <a:xfrm>
            <a:off x="2137114" y="1269142"/>
            <a:ext cx="7927889" cy="5588858"/>
            <a:chOff x="2137114" y="1269142"/>
            <a:chExt cx="7927889" cy="5588858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DC142475-759D-5C6A-8A81-CAE84F7508E0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2137114" y="1269242"/>
              <a:ext cx="3958886" cy="5588758"/>
            </a:xfrm>
            <a:prstGeom prst="rect">
              <a:avLst/>
            </a:prstGeom>
          </p:spPr>
        </p:pic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48BA37D8-3F59-C172-E2A9-C2989ED812C3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6103261" y="1269142"/>
              <a:ext cx="3961742" cy="5588759"/>
            </a:xfrm>
            <a:prstGeom prst="rect">
              <a:avLst/>
            </a:prstGeom>
          </p:spPr>
        </p:pic>
      </p:grpSp>
      <p:sp>
        <p:nvSpPr>
          <p:cNvPr id="7" name="TextBox 6">
            <a:extLst>
              <a:ext uri="{FF2B5EF4-FFF2-40B4-BE49-F238E27FC236}">
                <a16:creationId xmlns:a16="http://schemas.microsoft.com/office/drawing/2014/main" id="{50B98D12-FC3F-DA2F-1118-D7554B4FAE47}"/>
              </a:ext>
            </a:extLst>
          </p:cNvPr>
          <p:cNvSpPr txBox="1"/>
          <p:nvPr/>
        </p:nvSpPr>
        <p:spPr>
          <a:xfrm>
            <a:off x="385714" y="271137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hat can we write about? Let’s look at some tips!</a:t>
            </a:r>
            <a:endParaRPr lang="en-HK" sz="3600" b="1" dirty="0">
              <a:solidFill>
                <a:schemeClr val="bg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59022159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3475BC8A-8E7C-B5B3-94FB-3EFD5BEE674A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Now it is your turn to design your own zoo and write about some amazing animals.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1F3BECB2-44D8-A826-38A6-6F853ED87A9A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7254" t="87511" r="-200" b="93"/>
          <a:stretch/>
        </p:blipFill>
        <p:spPr>
          <a:xfrm>
            <a:off x="791968" y="2165171"/>
            <a:ext cx="9876032" cy="1841501"/>
          </a:xfrm>
          <a:prstGeom prst="rect">
            <a:avLst/>
          </a:prstGeom>
        </p:spPr>
      </p:pic>
      <p:sp>
        <p:nvSpPr>
          <p:cNvPr id="6" name="Rectangle 5">
            <a:extLst>
              <a:ext uri="{FF2B5EF4-FFF2-40B4-BE49-F238E27FC236}">
                <a16:creationId xmlns:a16="http://schemas.microsoft.com/office/drawing/2014/main" id="{9DD21724-284F-39FD-CEFE-6FA6E5A55774}"/>
              </a:ext>
            </a:extLst>
          </p:cNvPr>
          <p:cNvSpPr/>
          <p:nvPr/>
        </p:nvSpPr>
        <p:spPr>
          <a:xfrm>
            <a:off x="9372600" y="2819400"/>
            <a:ext cx="1295400" cy="1168400"/>
          </a:xfrm>
          <a:prstGeom prst="rect">
            <a:avLst/>
          </a:prstGeom>
          <a:solidFill>
            <a:srgbClr val="E6D6E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D15B3824-0F89-6B98-2EC3-627D7640E54C}"/>
              </a:ext>
            </a:extLst>
          </p:cNvPr>
          <p:cNvSpPr/>
          <p:nvPr/>
        </p:nvSpPr>
        <p:spPr>
          <a:xfrm>
            <a:off x="8077200" y="3530600"/>
            <a:ext cx="1295400" cy="457200"/>
          </a:xfrm>
          <a:prstGeom prst="rect">
            <a:avLst/>
          </a:prstGeom>
          <a:solidFill>
            <a:srgbClr val="E6D6E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43440157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4276332-E34D-1816-0F90-3153212C50D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487B1CB7-4F9E-7AE6-A069-3B906063A838}"/>
              </a:ext>
            </a:extLst>
          </p:cNvPr>
          <p:cNvSpPr txBox="1"/>
          <p:nvPr/>
        </p:nvSpPr>
        <p:spPr>
          <a:xfrm>
            <a:off x="385714" y="283671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First, fill in the table about the animals in the zoo.</a:t>
            </a:r>
          </a:p>
        </p:txBody>
      </p:sp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7F450ADF-F2FC-7F36-975A-FAF53F8ECDE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512664860"/>
              </p:ext>
            </p:extLst>
          </p:nvPr>
        </p:nvGraphicFramePr>
        <p:xfrm>
          <a:off x="1809750" y="1665340"/>
          <a:ext cx="9493250" cy="3976061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1898650">
                  <a:extLst>
                    <a:ext uri="{9D8B030D-6E8A-4147-A177-3AD203B41FA5}">
                      <a16:colId xmlns:a16="http://schemas.microsoft.com/office/drawing/2014/main" val="2667685533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732552204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445802887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037673345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709959043"/>
                    </a:ext>
                  </a:extLst>
                </a:gridCol>
              </a:tblGrid>
              <a:tr h="88736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nimal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How many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Where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 err="1"/>
                        <a:t>Colour</a:t>
                      </a:r>
                      <a:r>
                        <a:rPr lang="en-US" sz="2400" dirty="0"/>
                        <a:t>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dditional information</a:t>
                      </a:r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318229707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443508652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799835281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672371183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4014583643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7E68767-BC40-0E13-FDED-E7DB72FB03E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3F498F95-4EB5-DAC8-A8AE-E1375EF3533D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You can put down additional information about the animals in the last column.</a:t>
            </a:r>
            <a:endParaRPr lang="en-HK" sz="3600" b="1" dirty="0">
              <a:solidFill>
                <a:schemeClr val="bg1"/>
              </a:solidFill>
            </a:endParaRPr>
          </a:p>
        </p:txBody>
      </p:sp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6BA59DD3-A0FE-541C-539D-384B0D0527FA}"/>
              </a:ext>
            </a:extLst>
          </p:cNvPr>
          <p:cNvGraphicFramePr>
            <a:graphicFrameLocks noGrp="1"/>
          </p:cNvGraphicFramePr>
          <p:nvPr/>
        </p:nvGraphicFramePr>
        <p:xfrm>
          <a:off x="1809750" y="1665340"/>
          <a:ext cx="9493250" cy="3976061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1898650">
                  <a:extLst>
                    <a:ext uri="{9D8B030D-6E8A-4147-A177-3AD203B41FA5}">
                      <a16:colId xmlns:a16="http://schemas.microsoft.com/office/drawing/2014/main" val="2667685533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732552204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445802887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037673345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709959043"/>
                    </a:ext>
                  </a:extLst>
                </a:gridCol>
              </a:tblGrid>
              <a:tr h="88736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nimal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How many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Where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 err="1"/>
                        <a:t>Colour</a:t>
                      </a:r>
                      <a:r>
                        <a:rPr lang="en-US" sz="2400" dirty="0"/>
                        <a:t>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dditional information</a:t>
                      </a:r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318229707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443508652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799835281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672371183"/>
                  </a:ext>
                </a:extLst>
              </a:tr>
            </a:tbl>
          </a:graphicData>
        </a:graphic>
      </p:graphicFrame>
      <p:sp>
        <p:nvSpPr>
          <p:cNvPr id="3" name="Speech Bubble: Rectangle with Corners Rounded 2">
            <a:extLst>
              <a:ext uri="{FF2B5EF4-FFF2-40B4-BE49-F238E27FC236}">
                <a16:creationId xmlns:a16="http://schemas.microsoft.com/office/drawing/2014/main" id="{352BEE1D-D6C6-7589-7E1F-0E36E51E2E3C}"/>
              </a:ext>
            </a:extLst>
          </p:cNvPr>
          <p:cNvSpPr/>
          <p:nvPr/>
        </p:nvSpPr>
        <p:spPr>
          <a:xfrm>
            <a:off x="9601200" y="3025349"/>
            <a:ext cx="2422207" cy="1200329"/>
          </a:xfrm>
          <a:prstGeom prst="wedgeRoundRectCallout">
            <a:avLst>
              <a:gd name="adj1" fmla="val -30557"/>
              <a:gd name="adj2" fmla="val -104424"/>
              <a:gd name="adj3" fmla="val 16667"/>
            </a:avLst>
          </a:prstGeom>
        </p:spPr>
        <p:style>
          <a:lnRef idx="2">
            <a:schemeClr val="accent4">
              <a:shade val="15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/>
                </a:solidFill>
              </a:rPr>
              <a:t>e.g. the animals’ body parts, what they eat.</a:t>
            </a:r>
            <a:endParaRPr lang="en-HK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9039633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9BF30F2-4909-2887-8A3D-3CBF838C7FC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97FD7109-1680-CD72-05A0-8015AE6E56AF}"/>
              </a:ext>
            </a:extLst>
          </p:cNvPr>
          <p:cNvSpPr txBox="1"/>
          <p:nvPr/>
        </p:nvSpPr>
        <p:spPr>
          <a:xfrm>
            <a:off x="2465975" y="8247"/>
            <a:ext cx="722666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Do you remember what kind of information is in each column?</a:t>
            </a:r>
            <a:endParaRPr lang="en-HK" sz="3600" b="1" dirty="0">
              <a:solidFill>
                <a:schemeClr val="bg1"/>
              </a:solidFill>
            </a:endParaRPr>
          </a:p>
        </p:txBody>
      </p:sp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4C5EF462-0B56-D7D1-F299-C0F2C1D051EE}"/>
              </a:ext>
            </a:extLst>
          </p:cNvPr>
          <p:cNvGraphicFramePr>
            <a:graphicFrameLocks noGrp="1"/>
          </p:cNvGraphicFramePr>
          <p:nvPr/>
        </p:nvGraphicFramePr>
        <p:xfrm>
          <a:off x="1809750" y="1665340"/>
          <a:ext cx="9493250" cy="3976061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1898650">
                  <a:extLst>
                    <a:ext uri="{9D8B030D-6E8A-4147-A177-3AD203B41FA5}">
                      <a16:colId xmlns:a16="http://schemas.microsoft.com/office/drawing/2014/main" val="2667685533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732552204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445802887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037673345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709959043"/>
                    </a:ext>
                  </a:extLst>
                </a:gridCol>
              </a:tblGrid>
              <a:tr h="88736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nimal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How many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Where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 err="1"/>
                        <a:t>Colour</a:t>
                      </a:r>
                      <a:r>
                        <a:rPr lang="en-US" sz="2400" dirty="0"/>
                        <a:t>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dditional information</a:t>
                      </a:r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318229707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443508652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799835281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672371183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2701649798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171FF72-03D1-2015-7236-113F79FF16B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38330353-2A2A-884C-EC10-0EAB481A0CE8}"/>
              </a:ext>
            </a:extLst>
          </p:cNvPr>
          <p:cNvSpPr txBox="1"/>
          <p:nvPr/>
        </p:nvSpPr>
        <p:spPr>
          <a:xfrm>
            <a:off x="2201059" y="8247"/>
            <a:ext cx="776920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Do you remember what kind of information is in each column?</a:t>
            </a:r>
            <a:endParaRPr lang="en-HK" sz="3600" b="1" dirty="0">
              <a:solidFill>
                <a:schemeClr val="bg1"/>
              </a:solidFill>
            </a:endParaRPr>
          </a:p>
        </p:txBody>
      </p:sp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0916982C-322C-F2BF-558E-E8F3C7098061}"/>
              </a:ext>
            </a:extLst>
          </p:cNvPr>
          <p:cNvGraphicFramePr>
            <a:graphicFrameLocks noGrp="1"/>
          </p:cNvGraphicFramePr>
          <p:nvPr/>
        </p:nvGraphicFramePr>
        <p:xfrm>
          <a:off x="1809750" y="1665340"/>
          <a:ext cx="9493250" cy="3976061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1898650">
                  <a:extLst>
                    <a:ext uri="{9D8B030D-6E8A-4147-A177-3AD203B41FA5}">
                      <a16:colId xmlns:a16="http://schemas.microsoft.com/office/drawing/2014/main" val="2667685533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732552204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445802887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037673345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709959043"/>
                    </a:ext>
                  </a:extLst>
                </a:gridCol>
              </a:tblGrid>
              <a:tr h="88736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nimal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How many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Where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 err="1"/>
                        <a:t>Colour</a:t>
                      </a:r>
                      <a:r>
                        <a:rPr lang="en-US" sz="2400" dirty="0"/>
                        <a:t>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dditional information</a:t>
                      </a:r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318229707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443508652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799835281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672371183"/>
                  </a:ext>
                </a:extLst>
              </a:tr>
            </a:tbl>
          </a:graphicData>
        </a:graphic>
      </p:graphicFrame>
      <p:sp>
        <p:nvSpPr>
          <p:cNvPr id="3" name="Speech Bubble: Rectangle with Corners Rounded 2">
            <a:extLst>
              <a:ext uri="{FF2B5EF4-FFF2-40B4-BE49-F238E27FC236}">
                <a16:creationId xmlns:a16="http://schemas.microsoft.com/office/drawing/2014/main" id="{28EC6D75-E1F6-3D96-7EA5-EAAC1197D799}"/>
              </a:ext>
            </a:extLst>
          </p:cNvPr>
          <p:cNvSpPr/>
          <p:nvPr/>
        </p:nvSpPr>
        <p:spPr>
          <a:xfrm>
            <a:off x="385715" y="2393950"/>
            <a:ext cx="2842228" cy="1035050"/>
          </a:xfrm>
          <a:prstGeom prst="wedgeRoundRectCallout">
            <a:avLst>
              <a:gd name="adj1" fmla="val 38545"/>
              <a:gd name="adj2" fmla="val -81858"/>
              <a:gd name="adj3" fmla="val 16667"/>
            </a:avLst>
          </a:prstGeom>
        </p:spPr>
        <p:style>
          <a:lnRef idx="2">
            <a:schemeClr val="accent4">
              <a:shade val="15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/>
                </a:solidFill>
              </a:rPr>
              <a:t>What animal can you have in the zoo?</a:t>
            </a:r>
            <a:endParaRPr lang="en-HK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526037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8D790CC-B56B-010D-49AE-186A3B4D3D5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2D98C3FC-CE77-7E58-A9F0-BC7AB8FA014C}"/>
              </a:ext>
            </a:extLst>
          </p:cNvPr>
          <p:cNvSpPr txBox="1"/>
          <p:nvPr/>
        </p:nvSpPr>
        <p:spPr>
          <a:xfrm>
            <a:off x="2753003" y="8247"/>
            <a:ext cx="66653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Do you remember what kind of information is in each column?</a:t>
            </a:r>
            <a:endParaRPr lang="en-HK" sz="3600" b="1" dirty="0">
              <a:solidFill>
                <a:schemeClr val="bg1"/>
              </a:solidFill>
            </a:endParaRPr>
          </a:p>
        </p:txBody>
      </p:sp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5195E282-E96A-C09C-3311-B155F9E6FF35}"/>
              </a:ext>
            </a:extLst>
          </p:cNvPr>
          <p:cNvGraphicFramePr>
            <a:graphicFrameLocks noGrp="1"/>
          </p:cNvGraphicFramePr>
          <p:nvPr/>
        </p:nvGraphicFramePr>
        <p:xfrm>
          <a:off x="1809750" y="1665340"/>
          <a:ext cx="9493250" cy="3976061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1898650">
                  <a:extLst>
                    <a:ext uri="{9D8B030D-6E8A-4147-A177-3AD203B41FA5}">
                      <a16:colId xmlns:a16="http://schemas.microsoft.com/office/drawing/2014/main" val="2667685533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732552204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445802887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037673345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709959043"/>
                    </a:ext>
                  </a:extLst>
                </a:gridCol>
              </a:tblGrid>
              <a:tr h="88736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nimal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How many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Where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 err="1"/>
                        <a:t>Colour</a:t>
                      </a:r>
                      <a:r>
                        <a:rPr lang="en-US" sz="2400" dirty="0"/>
                        <a:t>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dditional information</a:t>
                      </a:r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318229707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443508652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799835281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672371183"/>
                  </a:ext>
                </a:extLst>
              </a:tr>
            </a:tbl>
          </a:graphicData>
        </a:graphic>
      </p:graphicFrame>
      <p:sp>
        <p:nvSpPr>
          <p:cNvPr id="3" name="Speech Bubble: Rectangle with Corners Rounded 2">
            <a:extLst>
              <a:ext uri="{FF2B5EF4-FFF2-40B4-BE49-F238E27FC236}">
                <a16:creationId xmlns:a16="http://schemas.microsoft.com/office/drawing/2014/main" id="{D170C124-A7B9-8ED8-DFF5-62DC4EBCD36D}"/>
              </a:ext>
            </a:extLst>
          </p:cNvPr>
          <p:cNvSpPr/>
          <p:nvPr/>
        </p:nvSpPr>
        <p:spPr>
          <a:xfrm>
            <a:off x="2112914" y="2393950"/>
            <a:ext cx="3076575" cy="1035050"/>
          </a:xfrm>
          <a:prstGeom prst="wedgeRoundRectCallout">
            <a:avLst>
              <a:gd name="adj1" fmla="val 38545"/>
              <a:gd name="adj2" fmla="val -81858"/>
              <a:gd name="adj3" fmla="val 16667"/>
            </a:avLst>
          </a:prstGeom>
        </p:spPr>
        <p:style>
          <a:lnRef idx="2">
            <a:schemeClr val="accent4">
              <a:shade val="15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/>
                </a:solidFill>
              </a:rPr>
              <a:t>How many of them?</a:t>
            </a:r>
            <a:endParaRPr lang="en-HK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304367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A4A5866-2EA5-65EC-293C-4C89BD13AB3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039BE690-3F47-819E-22C2-D38E5391646D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Do you remember what kind of information is in each column?</a:t>
            </a:r>
            <a:endParaRPr lang="en-HK" sz="3600" b="1" dirty="0">
              <a:solidFill>
                <a:schemeClr val="bg1"/>
              </a:solidFill>
            </a:endParaRPr>
          </a:p>
        </p:txBody>
      </p:sp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1CEBB12B-06B6-46E8-968A-3B3633F4D21F}"/>
              </a:ext>
            </a:extLst>
          </p:cNvPr>
          <p:cNvGraphicFramePr>
            <a:graphicFrameLocks noGrp="1"/>
          </p:cNvGraphicFramePr>
          <p:nvPr/>
        </p:nvGraphicFramePr>
        <p:xfrm>
          <a:off x="1809750" y="1665340"/>
          <a:ext cx="9493250" cy="3976061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1898650">
                  <a:extLst>
                    <a:ext uri="{9D8B030D-6E8A-4147-A177-3AD203B41FA5}">
                      <a16:colId xmlns:a16="http://schemas.microsoft.com/office/drawing/2014/main" val="2667685533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732552204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445802887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037673345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709959043"/>
                    </a:ext>
                  </a:extLst>
                </a:gridCol>
              </a:tblGrid>
              <a:tr h="88736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nimal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How many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Where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 err="1"/>
                        <a:t>Colour</a:t>
                      </a:r>
                      <a:r>
                        <a:rPr lang="en-US" sz="2400" dirty="0"/>
                        <a:t>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dditional information</a:t>
                      </a:r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318229707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443508652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799835281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672371183"/>
                  </a:ext>
                </a:extLst>
              </a:tr>
            </a:tbl>
          </a:graphicData>
        </a:graphic>
      </p:graphicFrame>
      <p:sp>
        <p:nvSpPr>
          <p:cNvPr id="3" name="Speech Bubble: Rectangle with Corners Rounded 2">
            <a:extLst>
              <a:ext uri="{FF2B5EF4-FFF2-40B4-BE49-F238E27FC236}">
                <a16:creationId xmlns:a16="http://schemas.microsoft.com/office/drawing/2014/main" id="{121BB781-4492-EC79-1160-BD6182BDF170}"/>
              </a:ext>
            </a:extLst>
          </p:cNvPr>
          <p:cNvSpPr/>
          <p:nvPr/>
        </p:nvSpPr>
        <p:spPr>
          <a:xfrm>
            <a:off x="3738514" y="2393950"/>
            <a:ext cx="3076575" cy="1035050"/>
          </a:xfrm>
          <a:prstGeom prst="wedgeRoundRectCallout">
            <a:avLst>
              <a:gd name="adj1" fmla="val 38545"/>
              <a:gd name="adj2" fmla="val -81858"/>
              <a:gd name="adj3" fmla="val 16667"/>
            </a:avLst>
          </a:prstGeom>
        </p:spPr>
        <p:style>
          <a:lnRef idx="2">
            <a:schemeClr val="accent4">
              <a:shade val="15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/>
                </a:solidFill>
              </a:rPr>
              <a:t>Where are they?</a:t>
            </a:r>
            <a:endParaRPr lang="en-HK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918362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58D34FD-9AF0-383F-B1E9-0DF22F88680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F849EE07-A559-63AE-D5B9-7F54F35D8A1C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Do you remember what kind of information is in each column?</a:t>
            </a:r>
            <a:endParaRPr lang="en-HK" sz="3600" b="1" dirty="0">
              <a:solidFill>
                <a:schemeClr val="bg1"/>
              </a:solidFill>
            </a:endParaRPr>
          </a:p>
        </p:txBody>
      </p:sp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962564C0-95BE-B575-F01E-B8709D24E745}"/>
              </a:ext>
            </a:extLst>
          </p:cNvPr>
          <p:cNvGraphicFramePr>
            <a:graphicFrameLocks noGrp="1"/>
          </p:cNvGraphicFramePr>
          <p:nvPr/>
        </p:nvGraphicFramePr>
        <p:xfrm>
          <a:off x="1809750" y="1665340"/>
          <a:ext cx="9493250" cy="3976061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1898650">
                  <a:extLst>
                    <a:ext uri="{9D8B030D-6E8A-4147-A177-3AD203B41FA5}">
                      <a16:colId xmlns:a16="http://schemas.microsoft.com/office/drawing/2014/main" val="2667685533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732552204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445802887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1037673345"/>
                    </a:ext>
                  </a:extLst>
                </a:gridCol>
                <a:gridCol w="1898650">
                  <a:extLst>
                    <a:ext uri="{9D8B030D-6E8A-4147-A177-3AD203B41FA5}">
                      <a16:colId xmlns:a16="http://schemas.microsoft.com/office/drawing/2014/main" val="709959043"/>
                    </a:ext>
                  </a:extLst>
                </a:gridCol>
              </a:tblGrid>
              <a:tr h="88736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nimal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How many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Where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 err="1"/>
                        <a:t>Colour</a:t>
                      </a:r>
                      <a:r>
                        <a:rPr lang="en-US" sz="2400" dirty="0"/>
                        <a:t>?</a:t>
                      </a:r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dditional information</a:t>
                      </a:r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318229707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443508652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799835281"/>
                  </a:ext>
                </a:extLst>
              </a:tr>
              <a:tr h="1029567"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HK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672371183"/>
                  </a:ext>
                </a:extLst>
              </a:tr>
            </a:tbl>
          </a:graphicData>
        </a:graphic>
      </p:graphicFrame>
      <p:sp>
        <p:nvSpPr>
          <p:cNvPr id="3" name="Speech Bubble: Rectangle with Corners Rounded 2">
            <a:extLst>
              <a:ext uri="{FF2B5EF4-FFF2-40B4-BE49-F238E27FC236}">
                <a16:creationId xmlns:a16="http://schemas.microsoft.com/office/drawing/2014/main" id="{D03AA549-AE39-7A15-5AF6-5E6C289B52D9}"/>
              </a:ext>
            </a:extLst>
          </p:cNvPr>
          <p:cNvSpPr/>
          <p:nvPr/>
        </p:nvSpPr>
        <p:spPr>
          <a:xfrm>
            <a:off x="5605414" y="2393950"/>
            <a:ext cx="3076575" cy="1035050"/>
          </a:xfrm>
          <a:prstGeom prst="wedgeRoundRectCallout">
            <a:avLst>
              <a:gd name="adj1" fmla="val 38545"/>
              <a:gd name="adj2" fmla="val -81858"/>
              <a:gd name="adj3" fmla="val 16667"/>
            </a:avLst>
          </a:prstGeom>
        </p:spPr>
        <p:style>
          <a:lnRef idx="2">
            <a:schemeClr val="accent4">
              <a:shade val="15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/>
                </a:solidFill>
              </a:rPr>
              <a:t>What </a:t>
            </a:r>
            <a:r>
              <a:rPr lang="en-US" sz="2400" dirty="0" err="1">
                <a:solidFill>
                  <a:schemeClr val="tx1"/>
                </a:solidFill>
              </a:rPr>
              <a:t>colour</a:t>
            </a:r>
            <a:r>
              <a:rPr lang="en-US" sz="2400" dirty="0">
                <a:solidFill>
                  <a:schemeClr val="tx1"/>
                </a:solidFill>
              </a:rPr>
              <a:t> are they?</a:t>
            </a:r>
            <a:endParaRPr lang="en-HK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012341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F7BC915-73AB-B300-71CA-461B8E5F16E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6F087BB4-250B-3BD8-D484-A6F04C3C87CD}"/>
              </a:ext>
            </a:extLst>
          </p:cNvPr>
          <p:cNvSpPr txBox="1"/>
          <p:nvPr/>
        </p:nvSpPr>
        <p:spPr>
          <a:xfrm>
            <a:off x="385714" y="316719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You can use these words in the Task Sheet to help you: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320818D9-B7C9-DDFC-E9EF-5328FD0375B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910961" y="1206500"/>
            <a:ext cx="8349400" cy="55372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16978121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B1A85E0-C637-42E8-BF9D-1935CD1F93A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5481FA61-0765-1040-1DB7-D45D40A54EFA}"/>
              </a:ext>
            </a:extLst>
          </p:cNvPr>
          <p:cNvSpPr txBox="1"/>
          <p:nvPr/>
        </p:nvSpPr>
        <p:spPr>
          <a:xfrm>
            <a:off x="2387154" y="8247"/>
            <a:ext cx="739701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You can also use the words from the Vocab Booster section.</a:t>
            </a:r>
            <a:endParaRPr lang="en-HK" sz="3600" b="1" dirty="0">
              <a:solidFill>
                <a:schemeClr val="bg1"/>
              </a:solidFill>
            </a:endParaRPr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70F2F20D-397E-98BC-0012-9DCFE1C17CD0}"/>
              </a:ext>
            </a:extLst>
          </p:cNvPr>
          <p:cNvGrpSpPr/>
          <p:nvPr/>
        </p:nvGrpSpPr>
        <p:grpSpPr>
          <a:xfrm>
            <a:off x="2407829" y="1304365"/>
            <a:ext cx="7376341" cy="5338482"/>
            <a:chOff x="2424953" y="1405218"/>
            <a:chExt cx="7376341" cy="5338482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85B42425-8221-2D70-374E-C82492DDAA3E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447" t="1524" r="3809" b="3036"/>
            <a:stretch/>
          </p:blipFill>
          <p:spPr>
            <a:xfrm>
              <a:off x="2424953" y="1405218"/>
              <a:ext cx="3671047" cy="5284694"/>
            </a:xfrm>
            <a:prstGeom prst="rect">
              <a:avLst/>
            </a:prstGeom>
          </p:spPr>
        </p:pic>
        <p:pic>
          <p:nvPicPr>
            <p:cNvPr id="4" name="Picture 3" descr="A screenshot of a computer game&#10;&#10;AI-generated content may be incorrect.">
              <a:extLst>
                <a:ext uri="{FF2B5EF4-FFF2-40B4-BE49-F238E27FC236}">
                  <a16:creationId xmlns:a16="http://schemas.microsoft.com/office/drawing/2014/main" id="{B63E2DE2-C07C-C4DA-020D-E63128BBE44E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592" t="1602" r="4385" b="1546"/>
            <a:stretch/>
          </p:blipFill>
          <p:spPr>
            <a:xfrm>
              <a:off x="6096000" y="1405218"/>
              <a:ext cx="3705294" cy="5338482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094559810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F6DB1A7-9943-A297-A1F4-363B1DDA195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11ED039B-0DDD-9459-F0C2-D7321B8297B4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5682" r="15945" b="54618"/>
          <a:stretch/>
        </p:blipFill>
        <p:spPr>
          <a:xfrm>
            <a:off x="1641674" y="1351429"/>
            <a:ext cx="7542584" cy="5029200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0F37CAE-C362-252C-6AEB-30B13F936B37}"/>
              </a:ext>
            </a:extLst>
          </p:cNvPr>
          <p:cNvSpPr txBox="1"/>
          <p:nvPr/>
        </p:nvSpPr>
        <p:spPr>
          <a:xfrm>
            <a:off x="385714" y="305704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e can use the table to help us think about what to write. </a:t>
            </a:r>
            <a:endParaRPr lang="en-HK" sz="3600" b="1" dirty="0">
              <a:solidFill>
                <a:schemeClr val="bg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11171088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DB45CB1-089B-639E-D6F0-487DE2CFC84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5490054-05C7-86C3-5FF5-C5D3B780F6CA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Now you can start writing about your zoo.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Think of a fun name for your zoo.</a:t>
            </a:r>
            <a:endParaRPr lang="en-HK" sz="3600" b="1" dirty="0">
              <a:solidFill>
                <a:schemeClr val="bg1"/>
              </a:solidFill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318A90EB-57BA-AE89-9821-1216E93DF665}"/>
              </a:ext>
            </a:extLst>
          </p:cNvPr>
          <p:cNvSpPr txBox="1"/>
          <p:nvPr/>
        </p:nvSpPr>
        <p:spPr>
          <a:xfrm>
            <a:off x="820270" y="1324535"/>
            <a:ext cx="6486584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3600" dirty="0"/>
              <a:t>Name of your zoo: ____________</a:t>
            </a:r>
            <a:endParaRPr lang="en-HK" sz="36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88358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65EA572-0C8C-A704-9927-174E8A5762E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FB5B2971-6768-C30C-3F9E-0C5CDF63DC06}"/>
              </a:ext>
            </a:extLst>
          </p:cNvPr>
          <p:cNvSpPr txBox="1"/>
          <p:nvPr/>
        </p:nvSpPr>
        <p:spPr>
          <a:xfrm>
            <a:off x="385714" y="8247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Then draw pictures of the animals.</a:t>
            </a:r>
            <a:endParaRPr lang="en-HK" sz="3600" b="1" dirty="0">
              <a:solidFill>
                <a:schemeClr val="bg1"/>
              </a:solidFill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1542E2CE-73E4-A5E7-3B19-0BD955BAF34B}"/>
              </a:ext>
            </a:extLst>
          </p:cNvPr>
          <p:cNvSpPr txBox="1"/>
          <p:nvPr/>
        </p:nvSpPr>
        <p:spPr>
          <a:xfrm>
            <a:off x="820270" y="1324535"/>
            <a:ext cx="6486584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3600" dirty="0"/>
              <a:t>Name of your zoo: ____________</a:t>
            </a:r>
            <a:endParaRPr lang="en-HK" sz="3600" dirty="0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EBCBDACB-8502-3604-7824-A53DBC7088DE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22641" b="-1"/>
          <a:stretch/>
        </p:blipFill>
        <p:spPr>
          <a:xfrm>
            <a:off x="2541368" y="2393577"/>
            <a:ext cx="7109264" cy="3552204"/>
          </a:xfrm>
          <a:prstGeom prst="rect">
            <a:avLst/>
          </a:prstGeom>
        </p:spPr>
      </p:pic>
      <p:pic>
        <p:nvPicPr>
          <p:cNvPr id="1026" name="Picture 2">
            <a:extLst>
              <a:ext uri="{FF2B5EF4-FFF2-40B4-BE49-F238E27FC236}">
                <a16:creationId xmlns:a16="http://schemas.microsoft.com/office/drawing/2014/main" id="{4594AD15-7951-FCAD-BD01-B0B49DD7A86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4567254" y="2680805"/>
            <a:ext cx="3312543" cy="304764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497409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290C7C4-D234-288F-D58D-93379AD0277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EB858937-AB44-35B4-4739-EFF89AE05787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Finally, write about them in the Task Sheet using the information in the table.</a:t>
            </a:r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3D04B60D-05BB-55C4-7314-2FFCAC415A5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4132"/>
          <a:stretch>
            <a:fillRect/>
          </a:stretch>
        </p:blipFill>
        <p:spPr>
          <a:xfrm>
            <a:off x="6223856" y="3697761"/>
            <a:ext cx="5478468" cy="2660698"/>
          </a:xfrm>
          <a:prstGeom prst="rect">
            <a:avLst/>
          </a:prstGeom>
          <a:ln>
            <a:solidFill>
              <a:schemeClr val="tx1"/>
            </a:solidFill>
          </a:ln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9A78CAB7-BB83-6F05-EE71-2478BBAB6FF0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16471" t="14917" r="15945" b="56688"/>
          <a:stretch/>
        </p:blipFill>
        <p:spPr>
          <a:xfrm>
            <a:off x="346537" y="1473192"/>
            <a:ext cx="5023178" cy="2979420"/>
          </a:xfrm>
          <a:prstGeom prst="rect">
            <a:avLst/>
          </a:prstGeom>
        </p:spPr>
      </p:pic>
      <p:sp>
        <p:nvSpPr>
          <p:cNvPr id="5" name="Arrow: Striped Right 4">
            <a:extLst>
              <a:ext uri="{FF2B5EF4-FFF2-40B4-BE49-F238E27FC236}">
                <a16:creationId xmlns:a16="http://schemas.microsoft.com/office/drawing/2014/main" id="{1CB1A21A-5559-AB0E-BB8B-A45E1E9198BB}"/>
              </a:ext>
            </a:extLst>
          </p:cNvPr>
          <p:cNvSpPr/>
          <p:nvPr/>
        </p:nvSpPr>
        <p:spPr>
          <a:xfrm rot="1868043">
            <a:off x="5489866" y="2232413"/>
            <a:ext cx="1652542" cy="1268730"/>
          </a:xfrm>
          <a:prstGeom prst="stripedRightArrow">
            <a:avLst>
              <a:gd name="adj1" fmla="val 49389"/>
              <a:gd name="adj2" fmla="val 57727"/>
            </a:avLst>
          </a:prstGeom>
          <a:solidFill>
            <a:srgbClr val="FFC000"/>
          </a:solidFill>
          <a:ln>
            <a:solidFill>
              <a:srgbClr val="F8981C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26EF356D-43D5-7730-61CE-4B5EAA0F7824}"/>
              </a:ext>
            </a:extLst>
          </p:cNvPr>
          <p:cNvSpPr txBox="1"/>
          <p:nvPr/>
        </p:nvSpPr>
        <p:spPr>
          <a:xfrm>
            <a:off x="6085661" y="3087694"/>
            <a:ext cx="6097904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US" sz="2400" b="1" dirty="0"/>
              <a:t>Write at least three sentences.</a:t>
            </a:r>
            <a:endParaRPr lang="en-HK" sz="2400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52472638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6F2B7E5-9D36-1A85-A1AC-548BA3A1CBF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0295D55F-9297-B146-157D-CD26095A67E4}"/>
              </a:ext>
            </a:extLst>
          </p:cNvPr>
          <p:cNvSpPr txBox="1"/>
          <p:nvPr/>
        </p:nvSpPr>
        <p:spPr>
          <a:xfrm>
            <a:off x="385714" y="272654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Remember to use the correct verbs: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3B2FD0B3-0DEB-D582-B914-3D467EF6F254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9229" t="78812" r="41027" b="3620"/>
          <a:stretch/>
        </p:blipFill>
        <p:spPr>
          <a:xfrm>
            <a:off x="2691456" y="1999053"/>
            <a:ext cx="6809088" cy="339486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95490216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453F7A6C-8B32-E854-1766-2E20B50E2C01}"/>
              </a:ext>
            </a:extLst>
          </p:cNvPr>
          <p:cNvSpPr txBox="1"/>
          <p:nvPr/>
        </p:nvSpPr>
        <p:spPr>
          <a:xfrm>
            <a:off x="385714" y="259707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Check and revise your writing.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37B13FA8-BF71-E3EB-252C-258975C885D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348725" y="1475226"/>
            <a:ext cx="7233291" cy="518633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22071581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225721691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字方塊 9">
            <a:extLst>
              <a:ext uri="{FF2B5EF4-FFF2-40B4-BE49-F238E27FC236}">
                <a16:creationId xmlns:a16="http://schemas.microsoft.com/office/drawing/2014/main" id="{A5F5B00B-7094-43D3-A72B-8A23DB668C8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59059" y="651842"/>
            <a:ext cx="10645261" cy="583852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US" altLang="zh-HK" sz="1400" b="1" dirty="0">
                <a:latin typeface="+mn-lt"/>
                <a:ea typeface="新細明體" pitchFamily="18" charset="-120"/>
              </a:rPr>
              <a:t>Acknowledgements</a:t>
            </a:r>
            <a:endParaRPr lang="zh-TW" altLang="zh-HK" sz="1400" b="1" dirty="0">
              <a:latin typeface="+mn-lt"/>
              <a:ea typeface="新細明體" pitchFamily="18" charset="-120"/>
            </a:endParaRP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US" altLang="zh-HK" sz="1400" dirty="0">
                <a:latin typeface="+mn-lt"/>
                <a:ea typeface="新細明體" pitchFamily="18" charset="-120"/>
              </a:rPr>
              <a:t>We would like to thank the following </a:t>
            </a:r>
            <a:r>
              <a:rPr lang="en-US" altLang="zh-HK" sz="1400" dirty="0" err="1">
                <a:latin typeface="+mn-lt"/>
                <a:ea typeface="新細明體" pitchFamily="18" charset="-120"/>
              </a:rPr>
              <a:t>organisations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and people for permission to use their images:</a:t>
            </a: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endParaRPr lang="en-US" altLang="zh-HK" sz="1400" dirty="0">
              <a:latin typeface="+mn-lt"/>
              <a:ea typeface="新細明體" pitchFamily="18" charset="-120"/>
            </a:endParaRP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bimserd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Christian Musat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Dmitry </a:t>
            </a:r>
            <a:r>
              <a:rPr lang="en-US" altLang="zh-HK" sz="1400" dirty="0" err="1">
                <a:latin typeface="+mn-lt"/>
                <a:ea typeface="新細明體" pitchFamily="18" charset="-120"/>
              </a:rPr>
              <a:t>Abduraimov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Dolores M. Harvey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Feng Yu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g images.com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Gert Very / 123RF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GN.Studio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Helmut Hirt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Ian Rentoul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Igor Dmitriev / 123RF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ILYA AKINSHIN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islavicek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JIANG HONGYAN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kazumi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</a:t>
            </a:r>
            <a:r>
              <a:rPr lang="en-US" altLang="zh-HK" sz="1400" dirty="0" err="1">
                <a:latin typeface="+mn-lt"/>
                <a:ea typeface="新細明體" pitchFamily="18" charset="-120"/>
              </a:rPr>
              <a:t>miyamoto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Kit Leong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Kletr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endParaRPr lang="en-US" altLang="zh-HK" sz="1400" dirty="0">
              <a:latin typeface="+mn-lt"/>
              <a:ea typeface="新細明體" pitchFamily="18" charset="-120"/>
            </a:endParaRP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endParaRPr lang="en-US" altLang="zh-HK" sz="1400" dirty="0">
              <a:latin typeface="+mn-lt"/>
              <a:ea typeface="新細明體" pitchFamily="18" charset="-12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3E31E85C-AAF0-F694-88D9-F62CA40D0006}"/>
              </a:ext>
            </a:extLst>
          </p:cNvPr>
          <p:cNvSpPr txBox="1"/>
          <p:nvPr/>
        </p:nvSpPr>
        <p:spPr>
          <a:xfrm>
            <a:off x="6056377" y="1464554"/>
            <a:ext cx="6097772" cy="353943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zh-HK" sz="1400" dirty="0">
                <a:latin typeface="+mn-lt"/>
                <a:ea typeface="新細明體" pitchFamily="18" charset="-120"/>
              </a:rPr>
              <a:t>Mariola Anna S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Mats Brynolf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Mindok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nadtytok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Nerthuz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PhotoSky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s99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scooperdigital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SiiKA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Photo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Sonya illustration / stock.adobe.com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tikisada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volkova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</a:t>
            </a:r>
            <a:r>
              <a:rPr lang="en-US" altLang="zh-HK" sz="1400" dirty="0" err="1">
                <a:latin typeface="+mn-lt"/>
                <a:ea typeface="新細明體" pitchFamily="18" charset="-120"/>
              </a:rPr>
              <a:t>natalia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WildMedia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YG Studio / stock.adobe.com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zhengzaishuru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Zloneg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  <a:endParaRPr lang="en-HK" sz="1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90169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AEC5F1F-2388-9F37-B523-A4D1DB265C0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AFD17657-323D-66C6-E09F-A384CADAE0DD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5682" r="15945" b="54618"/>
          <a:stretch/>
        </p:blipFill>
        <p:spPr>
          <a:xfrm>
            <a:off x="1641674" y="1351429"/>
            <a:ext cx="7542584" cy="5029200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42385BDB-0062-601F-5EFB-2B45A768EE1E}"/>
              </a:ext>
            </a:extLst>
          </p:cNvPr>
          <p:cNvSpPr txBox="1"/>
          <p:nvPr/>
        </p:nvSpPr>
        <p:spPr>
          <a:xfrm>
            <a:off x="385714" y="228587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Let’s look at the information about the animals in the zoo.</a:t>
            </a:r>
            <a:endParaRPr lang="en-HK" sz="3600" b="1" dirty="0">
              <a:solidFill>
                <a:schemeClr val="bg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46594967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5A0A66C-BA18-8559-DDFB-33EA67A4D79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27BC5287-AADF-892F-E160-CF3639F91203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5682" r="15945" b="54618"/>
          <a:stretch/>
        </p:blipFill>
        <p:spPr>
          <a:xfrm>
            <a:off x="1641674" y="1351429"/>
            <a:ext cx="7542584" cy="5029200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62952ABB-2BF4-09E6-CAF4-C583F8761124}"/>
              </a:ext>
            </a:extLst>
          </p:cNvPr>
          <p:cNvSpPr txBox="1"/>
          <p:nvPr/>
        </p:nvSpPr>
        <p:spPr>
          <a:xfrm>
            <a:off x="385714" y="261638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hat animals can I have in the zoo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47116089-823B-A965-1BFC-50CD133E45D1}"/>
              </a:ext>
            </a:extLst>
          </p:cNvPr>
          <p:cNvPicPr>
            <a:picLocks noChangeAspect="1"/>
          </p:cNvPicPr>
          <p:nvPr/>
        </p:nvPicPr>
        <p:blipFill>
          <a:blip r:embed="rId4">
            <a:grayscl/>
          </a:blip>
          <a:srcRect l="31681" t="15200" r="15945" b="56617"/>
          <a:stretch/>
        </p:blipFill>
        <p:spPr>
          <a:xfrm>
            <a:off x="4484594" y="2548217"/>
            <a:ext cx="4699664" cy="3570195"/>
          </a:xfrm>
          <a:prstGeom prst="rect">
            <a:avLst/>
          </a:prstGeom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93920BE6-1E8A-878B-C622-F95592891445}"/>
              </a:ext>
            </a:extLst>
          </p:cNvPr>
          <p:cNvSpPr/>
          <p:nvPr/>
        </p:nvSpPr>
        <p:spPr>
          <a:xfrm>
            <a:off x="3133168" y="2548217"/>
            <a:ext cx="1351426" cy="3570195"/>
          </a:xfrm>
          <a:prstGeom prst="rect">
            <a:avLst/>
          </a:prstGeom>
          <a:noFill/>
          <a:ln w="76200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140355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D7CCEDB-D1BA-08A7-2081-30CFDA9C172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E6CB7DE4-8038-6B6B-DE99-8D325145F60A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5682" r="15945" b="54618"/>
          <a:stretch/>
        </p:blipFill>
        <p:spPr>
          <a:xfrm>
            <a:off x="1641674" y="1351429"/>
            <a:ext cx="7542584" cy="5029200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AA0F35E7-DFA3-8E55-CEEC-8763482246C3}"/>
              </a:ext>
            </a:extLst>
          </p:cNvPr>
          <p:cNvSpPr txBox="1"/>
          <p:nvPr/>
        </p:nvSpPr>
        <p:spPr>
          <a:xfrm>
            <a:off x="385714" y="217570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How many of them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5E7B6C45-C00B-3B41-ACB9-FBCF6D9919D7}"/>
              </a:ext>
            </a:extLst>
          </p:cNvPr>
          <p:cNvPicPr>
            <a:picLocks noChangeAspect="1"/>
          </p:cNvPicPr>
          <p:nvPr/>
        </p:nvPicPr>
        <p:blipFill>
          <a:blip r:embed="rId4">
            <a:grayscl/>
          </a:blip>
          <a:srcRect l="47567" t="15200" r="15944" b="56617"/>
          <a:stretch/>
        </p:blipFill>
        <p:spPr>
          <a:xfrm>
            <a:off x="5909994" y="2548217"/>
            <a:ext cx="3274264" cy="3570195"/>
          </a:xfrm>
          <a:prstGeom prst="rect">
            <a:avLst/>
          </a:prstGeom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DD999FCF-CB70-430B-F822-A1D0388A62E1}"/>
              </a:ext>
            </a:extLst>
          </p:cNvPr>
          <p:cNvSpPr/>
          <p:nvPr/>
        </p:nvSpPr>
        <p:spPr>
          <a:xfrm>
            <a:off x="4484594" y="2548217"/>
            <a:ext cx="1425400" cy="3570195"/>
          </a:xfrm>
          <a:prstGeom prst="rect">
            <a:avLst/>
          </a:prstGeom>
          <a:noFill/>
          <a:ln w="76200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440A3A90-C415-79A4-C022-50F003F7B05B}"/>
              </a:ext>
            </a:extLst>
          </p:cNvPr>
          <p:cNvPicPr>
            <a:picLocks noChangeAspect="1"/>
          </p:cNvPicPr>
          <p:nvPr/>
        </p:nvPicPr>
        <p:blipFill>
          <a:blip r:embed="rId4">
            <a:grayscl/>
          </a:blip>
          <a:srcRect l="16546" t="15200" r="68768" b="56617"/>
          <a:stretch/>
        </p:blipFill>
        <p:spPr>
          <a:xfrm>
            <a:off x="3126442" y="2548217"/>
            <a:ext cx="1317812" cy="357019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20833431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709BFB2-4DB2-539F-BF4F-7B81998ADE6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AD58AD2E-8125-00B7-7CF4-D4EA413FD14F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5682" r="15945" b="54618"/>
          <a:stretch/>
        </p:blipFill>
        <p:spPr>
          <a:xfrm>
            <a:off x="1641674" y="1351429"/>
            <a:ext cx="7542584" cy="5029200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E5537DAA-74B4-A809-CC18-7BE20C559C00}"/>
              </a:ext>
            </a:extLst>
          </p:cNvPr>
          <p:cNvSpPr txBox="1"/>
          <p:nvPr/>
        </p:nvSpPr>
        <p:spPr>
          <a:xfrm>
            <a:off x="385714" y="305704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here are they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507EF59-6E54-6EB3-0669-E7FABAC57B3C}"/>
              </a:ext>
            </a:extLst>
          </p:cNvPr>
          <p:cNvPicPr>
            <a:picLocks noChangeAspect="1"/>
          </p:cNvPicPr>
          <p:nvPr/>
        </p:nvPicPr>
        <p:blipFill>
          <a:blip r:embed="rId4">
            <a:grayscl/>
          </a:blip>
          <a:srcRect l="70570" t="15200" r="15944" b="56617"/>
          <a:stretch/>
        </p:blipFill>
        <p:spPr>
          <a:xfrm>
            <a:off x="7974106" y="2548217"/>
            <a:ext cx="1210152" cy="3570195"/>
          </a:xfrm>
          <a:prstGeom prst="rect">
            <a:avLst/>
          </a:prstGeom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30F530E7-C70F-8699-A45C-680257488586}"/>
              </a:ext>
            </a:extLst>
          </p:cNvPr>
          <p:cNvSpPr/>
          <p:nvPr/>
        </p:nvSpPr>
        <p:spPr>
          <a:xfrm>
            <a:off x="5936878" y="2548217"/>
            <a:ext cx="2037228" cy="3570195"/>
          </a:xfrm>
          <a:prstGeom prst="rect">
            <a:avLst/>
          </a:prstGeom>
          <a:noFill/>
          <a:ln w="76200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89DAC68-DCFF-103C-43DB-81E43EAC0345}"/>
              </a:ext>
            </a:extLst>
          </p:cNvPr>
          <p:cNvPicPr>
            <a:picLocks noChangeAspect="1"/>
          </p:cNvPicPr>
          <p:nvPr/>
        </p:nvPicPr>
        <p:blipFill>
          <a:blip r:embed="rId4">
            <a:grayscl/>
          </a:blip>
          <a:srcRect l="16546" t="15200" r="52433" b="56617"/>
          <a:stretch/>
        </p:blipFill>
        <p:spPr>
          <a:xfrm>
            <a:off x="3126442" y="2548217"/>
            <a:ext cx="2783552" cy="357019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8986828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56F200B-006A-1325-C388-915EAFDA6A7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50B7D6C8-F6A1-71A9-7BBC-BF0A3E4CE431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5682" r="15945" b="54618"/>
          <a:stretch/>
        </p:blipFill>
        <p:spPr>
          <a:xfrm>
            <a:off x="1641674" y="1351429"/>
            <a:ext cx="7542584" cy="5029200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8E8E66E7-1CD1-F45D-EA17-607BBC4D986B}"/>
              </a:ext>
            </a:extLst>
          </p:cNvPr>
          <p:cNvSpPr txBox="1"/>
          <p:nvPr/>
        </p:nvSpPr>
        <p:spPr>
          <a:xfrm>
            <a:off x="385714" y="316720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What </a:t>
            </a:r>
            <a:r>
              <a:rPr lang="en-US" sz="3600" b="1" dirty="0" err="1">
                <a:solidFill>
                  <a:schemeClr val="bg1"/>
                </a:solidFill>
              </a:rPr>
              <a:t>colour</a:t>
            </a:r>
            <a:r>
              <a:rPr lang="en-US" sz="3600" b="1" dirty="0">
                <a:solidFill>
                  <a:schemeClr val="bg1"/>
                </a:solidFill>
              </a:rPr>
              <a:t> are they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45C51BFD-FFCA-F0F8-8FBF-E12811C5E9B3}"/>
              </a:ext>
            </a:extLst>
          </p:cNvPr>
          <p:cNvPicPr>
            <a:picLocks noChangeAspect="1"/>
          </p:cNvPicPr>
          <p:nvPr/>
        </p:nvPicPr>
        <p:blipFill>
          <a:blip r:embed="rId4">
            <a:grayscl/>
          </a:blip>
          <a:srcRect l="16545" t="15200" r="29880" b="56617"/>
          <a:stretch/>
        </p:blipFill>
        <p:spPr>
          <a:xfrm>
            <a:off x="3126441" y="2548217"/>
            <a:ext cx="4807321" cy="3570195"/>
          </a:xfrm>
          <a:prstGeom prst="rect">
            <a:avLst/>
          </a:prstGeom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0B7E8CAF-E23E-4DEE-2239-18C27FBC6E0A}"/>
              </a:ext>
            </a:extLst>
          </p:cNvPr>
          <p:cNvSpPr/>
          <p:nvPr/>
        </p:nvSpPr>
        <p:spPr>
          <a:xfrm>
            <a:off x="7933764" y="2548217"/>
            <a:ext cx="1250493" cy="3570195"/>
          </a:xfrm>
          <a:prstGeom prst="rect">
            <a:avLst/>
          </a:prstGeom>
          <a:noFill/>
          <a:ln w="76200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4838097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1b_c4_p38_t"/>
  <p:tag name="ISPRING_LMS_API_VERSION" val="SCORM 2004 (4th edition)"/>
  <p:tag name="ISPRING_ULTRA_SCORM_COURCE_TITLE" val="PLE3E 1B Chapter 4 Task PPT"/>
  <p:tag name="ISPRING_ULTRA_SCORM_COURSE_ID" val="AC89EAC7-1A42-449F-8FDF-2A0AFB85B2C7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PRESENTATION_TITLE" val="PLE3E 1B Chapter 4 Task PPT"/>
  <p:tag name="ISPRING_FIRST_PUBLISH" val="1"/>
  <p:tag name="ISPRING_OUTPUT_FOLDER" val="[[&quot;\uFFFD#\uFFFD\u0000{1BB5593B-751D-49A6-B6B3-FD998CCA9F0F}&quot;,&quot;C:\\Users\\HK1-UCatherineLeung\\OneDrive - Pearson PLC\\Digital\\PLE3E\\ePub\\1B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701A332-1027-47DD-9342-BE79380A1F7C}:26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6FD4CF-679A-47AC-8080-61AAB73B96BD}:26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6F1B15-B95C-4933-AE10-0FAAE1337659}:267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983459F-D32E-4164-90B8-D0958D7015CB}:26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5719A1-0BB7-4C3F-9435-8087C6AEBD81}:26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A74316F-83D4-40A4-9BA9-33FEC5DC44A3}:27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AAB8CBF-4B2F-411B-968A-1C9F4F0D4B33}:27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C201D8A-E78E-4EA3-A97B-D625D11566BA}:272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245723B-0BB2-4901-8633-F6E4416E01BE}:273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5910559-A27A-4EE5-A5E1-CE7E626EE431}:274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14E5620-FD27-464F-B679-7F9320F63608}:256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537F645-BD7F-4E19-807A-DC1792C01273}:276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FE4DBAE-6D22-4DEF-A47A-231118E1EA24}:277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C7AB918-7E7D-4538-B850-A86BE4180B16}:278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3F113D1-F911-4327-AE01-F525F517F62D}:279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10E8A93-91B8-4BBD-8699-BF67177892D5}:280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611E645-67DE-4BEB-A4C8-0911FCE30998}:28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0D03D0-BB8F-415B-8107-449B0BA57B78}:282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5FE5A5-60FA-4011-84D1-A367CBD4C996}:284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2A604BF-57F3-4AA7-8A8C-E4E215217FA8}:285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195E7A-A934-4D88-9FE9-1C7423C01001}:28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8802370-39AB-4200-8F5D-94FDC70117A2}:258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0D5093-8C3D-44B0-AD8A-A6EB50A41305}:288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F1339EE-5028-404A-9079-61F5F35B667F}:289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C2F681F-6D7D-43D0-8B8F-A5C970EF05EA}:290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230306C-1B3E-4A29-A663-89EA43D18173}:293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A90C3B0-D641-4DB1-9813-74338DCBFF55}:294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DE1769A-7BF0-4B7F-8788-D91F9C2A5167}:295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8297E2-EF3F-42D3-8D94-0BFC9054F23E}:296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6BFDCD1-8216-4E2E-B48A-E3533A2022F9}:297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17BE11-49E1-4AFC-8A47-365ED6C49F58}:298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AA2837A-78E9-4E8D-A08F-4BB026944D79}:299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6C28361-9F4B-4E5F-ABE6-5E079DD31C96}:259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8C0B97-E2A6-4AF2-B820-F3C7B8A81D46}:300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561B0BB-146E-4BF9-8801-B15C3E3CC9B0}:301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5825946-29B0-4C3A-BA26-4BD0B5FB834E}:302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901E70-FE63-42D5-9229-132C0FA3B386}:303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9200E3F-75CA-47B2-9F35-316A71F174C7}:305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41CE957-5C96-4691-8308-C9FC3F623632}:306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5707B69-B1EF-454B-85A7-284507E404B2}:257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231055-1572-411B-BBF8-DF75EC48BC5A}:33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CB73DB5-993C-4DD4-B863-8F0F531A3759}:26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E270867-01E6-443E-99C3-763CECB251E4}:265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E1C5F5-C28C-4278-818D-0C2FC35C3A80}:26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8AEE88C-5298-4A0B-8301-99E86BD8F20C}:26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B06697-5C0D-4888-9D8A-FB008F4A7AE5}:263"/>
</p:tagLst>
</file>

<file path=ppt/theme/theme1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Props1.xml><?xml version="1.0" encoding="utf-8"?>
<ds:datastoreItem xmlns:ds="http://schemas.openxmlformats.org/officeDocument/2006/customXml" ds:itemID="{68617E9D-9805-4B7B-86C1-BF651713E4D7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84431DF6-2542-4CCD-978E-160DE23B0DCA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D46EF206-E0AA-4743-946E-37A450277EF3}">
  <ds:schemaRefs>
    <ds:schemaRef ds:uri="http://schemas.microsoft.com/office/2006/documentManagement/types"/>
    <ds:schemaRef ds:uri="http://schemas.microsoft.com/office/2006/metadata/properties"/>
    <ds:schemaRef ds:uri="http://purl.org/dc/elements/1.1/"/>
    <ds:schemaRef ds:uri="http://purl.org/dc/dcmitype/"/>
    <ds:schemaRef ds:uri="http://purl.org/dc/terms/"/>
    <ds:schemaRef ds:uri="6a719dc3-2774-4bb3-bd51-e2fea1f33844"/>
    <ds:schemaRef ds:uri="http://schemas.microsoft.com/office/infopath/2007/PartnerControls"/>
    <ds:schemaRef ds:uri="http://schemas.openxmlformats.org/package/2006/metadata/core-properties"/>
    <ds:schemaRef ds:uri="ea194019-af41-4f5f-90aa-3f3df5d17659"/>
    <ds:schemaRef ds:uri="http://www.w3.org/XML/1998/namespace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857</TotalTime>
  <Words>1034</Words>
  <Application>Microsoft Office PowerPoint</Application>
  <PresentationFormat>Widescreen</PresentationFormat>
  <Paragraphs>206</Paragraphs>
  <Slides>46</Slides>
  <Notes>46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6</vt:i4>
      </vt:variant>
    </vt:vector>
  </HeadingPairs>
  <TitlesOfParts>
    <vt:vector size="52" baseType="lpstr">
      <vt:lpstr>Aptos</vt:lpstr>
      <vt:lpstr>Arial</vt:lpstr>
      <vt:lpstr>Calibri</vt:lpstr>
      <vt:lpstr>Calibri Light</vt:lpstr>
      <vt:lpstr>Open Sans ExtraBold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Task PPT</dc:title>
  <dc:creator>Catherine Leung</dc:creator>
  <cp:lastModifiedBy>Catherine Leung</cp:lastModifiedBy>
  <cp:revision>4</cp:revision>
  <dcterms:created xsi:type="dcterms:W3CDTF">2025-05-15T03:45:42Z</dcterms:created>
  <dcterms:modified xsi:type="dcterms:W3CDTF">2025-10-27T06:05:1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